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2\02. Oddelenie VO\01. Prebiehajúce zákazky\02. Danka\18. Spotrebný materiál na dialýzu\PTK\"/>
    </mc:Choice>
  </mc:AlternateContent>
  <bookViews>
    <workbookView xWindow="0" yWindow="0" windowWidth="21840" windowHeight="9195"/>
  </bookViews>
  <sheets>
    <sheet name="PTK - ponuka" sheetId="8" r:id="rId1"/>
  </sheets>
  <definedNames>
    <definedName name="_xlnm.Print_Area" localSheetId="0">'PTK - ponuka'!$B$1:$F$220</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358" uniqueCount="242">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1.</t>
  </si>
  <si>
    <t>Príloha č. 1</t>
  </si>
  <si>
    <t xml:space="preserve">3.1.a)  Rozdelenie na časti: </t>
  </si>
  <si>
    <t>Poradové číslo</t>
  </si>
  <si>
    <t>3.2 Dostupnosť na trhu:</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tovar</t>
  </si>
  <si>
    <t>2.</t>
  </si>
  <si>
    <t>3.</t>
  </si>
  <si>
    <t>4.</t>
  </si>
  <si>
    <t>5.</t>
  </si>
  <si>
    <t>6.</t>
  </si>
  <si>
    <t>7.</t>
  </si>
  <si>
    <t>8.</t>
  </si>
  <si>
    <t>9.</t>
  </si>
  <si>
    <t>10.</t>
  </si>
  <si>
    <t>11.</t>
  </si>
  <si>
    <t>12.</t>
  </si>
  <si>
    <t>13.</t>
  </si>
  <si>
    <t>14.</t>
  </si>
  <si>
    <t>15.</t>
  </si>
  <si>
    <t>16.</t>
  </si>
  <si>
    <t>17.</t>
  </si>
  <si>
    <t>12.1</t>
  </si>
  <si>
    <t>18.</t>
  </si>
  <si>
    <t>19.</t>
  </si>
  <si>
    <t>20.</t>
  </si>
  <si>
    <t>21.</t>
  </si>
  <si>
    <t>4.1</t>
  </si>
  <si>
    <t>Charakteristika hadicového setu:</t>
  </si>
  <si>
    <t>4.2</t>
  </si>
  <si>
    <t>Mimotelový objem (krvný okruh): 96 ml</t>
  </si>
  <si>
    <t xml:space="preserve">Hemofilter </t>
  </si>
  <si>
    <t>9</t>
  </si>
  <si>
    <t>10</t>
  </si>
  <si>
    <t>11</t>
  </si>
  <si>
    <t xml:space="preserve">5 l odpadový vak </t>
  </si>
  <si>
    <t xml:space="preserve">2 l prázdny vak na použitý preplachovací roztok </t>
  </si>
  <si>
    <t xml:space="preserve">Infúzny hrot s rozdvojovacou linkou  </t>
  </si>
  <si>
    <t>4.3</t>
  </si>
  <si>
    <t>4.4</t>
  </si>
  <si>
    <t>4.5</t>
  </si>
  <si>
    <t>4.6</t>
  </si>
  <si>
    <t>Pumpové segmenty integrované plastovou fóliou</t>
  </si>
  <si>
    <t>Farebné kódované čiary pre bezpečné a jednoduché nastavenie</t>
  </si>
  <si>
    <t>Korunky pre tlakové snímače zabraňujúce kontaminácii krvou</t>
  </si>
  <si>
    <t xml:space="preserve">Odvzdušňovacia komôrka na odstránenie plynu zo zohrievaného substitučného roztoku </t>
  </si>
  <si>
    <t>Linky nemusia byť pripojené k hemofiltru - možnosť použitia externých absorbérov alebo filtrov</t>
  </si>
  <si>
    <t xml:space="preserve">Porty na odoberanie vzoriek </t>
  </si>
  <si>
    <t>4.7</t>
  </si>
  <si>
    <t>4.8</t>
  </si>
  <si>
    <t>4.9</t>
  </si>
  <si>
    <t>4.10</t>
  </si>
  <si>
    <t>4.11</t>
  </si>
  <si>
    <t xml:space="preserve">Hemofilter: Hemofilter pre monitor CRRT je súčasťou súpravy </t>
  </si>
  <si>
    <t>Materiál kapilár hemofiltra: High-flux Polyethersulfone (PES)</t>
  </si>
  <si>
    <t>Prietok krvi hemofiltrom: 500 ml/min</t>
  </si>
  <si>
    <t>Dĺžka hemofiltra: 305 mm</t>
  </si>
  <si>
    <t>Dĺžka kapiláry hemofiltra: 241 mm</t>
  </si>
  <si>
    <t>Vnútorný priemer kapiláry hemofiltra: 200 µm</t>
  </si>
  <si>
    <t>Hrúbka kapiláry hemofiltra: 30 µm</t>
  </si>
  <si>
    <t>13.1</t>
  </si>
  <si>
    <t>Plocha membrány hemofiltra: 1,9 m2</t>
  </si>
  <si>
    <t xml:space="preserve">
Membrána - vysoká hydraulická priepustnosť s konštrukčnou pevnosťou v každom vlákne, poskytujúca zvýšené konvekčné a difúzne vlastnosti
</t>
  </si>
  <si>
    <t>Dištančné vlákna hemofiltra: Zabraňuje zhlukovaniu kapilár a umožňuje rovnomerné rozloženie dialyzátu, ktoré maximalizuje voľný priestor</t>
  </si>
  <si>
    <t>Tlakový spád hemofiltra: &lt;25 mmHg</t>
  </si>
  <si>
    <t>Plniaci objem hemofiltra: 109 ml</t>
  </si>
  <si>
    <t>Najvyšší TMP hemofiltra: 600 mmHg</t>
  </si>
  <si>
    <t>Spôsob sterilizácie hemofiltra: Etylénoxid</t>
  </si>
  <si>
    <t>Pripojenie k dialyzačnej časti hemofiltra: Konektory LuerLock</t>
  </si>
  <si>
    <t>Paralelené spojky: Trojlinka (2 ks) na pripojenie troch vakov so substitučným/dialyzačným roztokom a troch zberných vakov</t>
  </si>
  <si>
    <t>Hadicový set pre monitory CRRT Aquarius</t>
  </si>
  <si>
    <t xml:space="preserve">Hadicová súprava určená k použitiu s hemofiltračným CRRT prístrojom Aquarius na heparínovú antikoaguláciu </t>
  </si>
  <si>
    <t>3.1</t>
  </si>
  <si>
    <t>Súprava hadíc s integrovaným hadicovým  segmentom pre ohrievač roztokov</t>
  </si>
  <si>
    <t>Hemofilter</t>
  </si>
  <si>
    <t>3.2</t>
  </si>
  <si>
    <t>3.3</t>
  </si>
  <si>
    <t>3.4</t>
  </si>
  <si>
    <t xml:space="preserve">Infúzny hrot s rozdvojovacou linkou  </t>
  </si>
  <si>
    <t>3.5</t>
  </si>
  <si>
    <t xml:space="preserve">Farebné kódované čiary pre bezpečné a jednoduché nastavenie </t>
  </si>
  <si>
    <t>Odvzdušňovacia komôrka pre automatické odvzdušňovanie substitučného roztoku</t>
  </si>
  <si>
    <t>Porty na odoberanie vzoriek</t>
  </si>
  <si>
    <t>Mimotelový objem (krvný okruh): 111 ml</t>
  </si>
  <si>
    <t>7</t>
  </si>
  <si>
    <t>8</t>
  </si>
  <si>
    <t>11.1</t>
  </si>
  <si>
    <t xml:space="preserve">Plocha membrány hemofiltra: 1,9 m2 </t>
  </si>
  <si>
    <t>Membrána - vysoká hydraulická priepustnosť s konštrukčnou pevnosťou v každom vlákne, poskytujúca zvýšené konvekčné a difúzne vlastnosti</t>
  </si>
  <si>
    <t>Hadicová súprava a hemofilter určené na použitie s monitorom Aquarius CRRT s citrátovou antikoaguláciou</t>
  </si>
  <si>
    <t>Hemofilter: Ultraflux AV1000S</t>
  </si>
  <si>
    <t>Plocha: 1,8 m2</t>
  </si>
  <si>
    <t>Prietok krvi: 200-500 ml/min</t>
  </si>
  <si>
    <t>Prietok filtrátu: 20%</t>
  </si>
  <si>
    <t>Objem primingu: 130/300ml</t>
  </si>
  <si>
    <t>Hrúbka steny kapiláry/vnútorný lumen kapiláry: 35/220um</t>
  </si>
  <si>
    <t>Materiál membrány: polysulfón</t>
  </si>
  <si>
    <t>Max. doba použitia: 72 hod.</t>
  </si>
  <si>
    <t xml:space="preserve">1. </t>
  </si>
  <si>
    <t>3</t>
  </si>
  <si>
    <t>4</t>
  </si>
  <si>
    <t>5</t>
  </si>
  <si>
    <t>6</t>
  </si>
  <si>
    <t>Ďalšie materiály: polyuretán, polykarbonát</t>
  </si>
  <si>
    <t>Konektory: podľa ISO 8637</t>
  </si>
  <si>
    <t>Hemofilter: Ultraflux AV 600S</t>
  </si>
  <si>
    <t>plocha: 1,4 m2</t>
  </si>
  <si>
    <t>prietok krvi: 100-350 ml/min.</t>
  </si>
  <si>
    <t>Objem primingu: 100/210ml</t>
  </si>
  <si>
    <t>hrúbka steny kapiláry/vnútorný lumen kapiláry: 35/220um</t>
  </si>
  <si>
    <t xml:space="preserve">Max. doba použitia: 72 hod. </t>
  </si>
  <si>
    <t>3.1.b)  Zoznam častí a položiek:</t>
  </si>
  <si>
    <t>60000000-8 Dopravné služby (bez prepravy odpadu)</t>
  </si>
  <si>
    <t>Súprava hadíc RCA s integrovaným hadicovým segmentom pre ohrievač roztokov, citrát a vápnik</t>
  </si>
  <si>
    <t>11.2</t>
  </si>
  <si>
    <t>11.3</t>
  </si>
  <si>
    <t>11.4</t>
  </si>
  <si>
    <t>Hadicový set kompatibilný s daným hemofiltrom s použitím heparínovej antikoagulácie:</t>
  </si>
  <si>
    <t>33181520-3 Spotrebný materiál k obličkovej dialýze</t>
  </si>
  <si>
    <t>Položka č. 4 - FS substitučná hadička</t>
  </si>
  <si>
    <t>FS substitučná hadička</t>
  </si>
  <si>
    <t xml:space="preserve">Časť č. 1 - Súprava pre systém Aquarius na citrátovú a heparínovú antikoaguláciu </t>
  </si>
  <si>
    <t xml:space="preserve">Položka č. 1 - Súprava pre systém Aquarius na citrátovú antikoaguláciu </t>
  </si>
  <si>
    <r>
      <t xml:space="preserve">Položka č. 2 - Súprava pre systém Aquarius na </t>
    </r>
    <r>
      <rPr>
        <b/>
        <sz val="10"/>
        <rFont val="Arial"/>
        <family val="2"/>
        <charset val="238"/>
      </rPr>
      <t>heparínovú</t>
    </r>
    <r>
      <rPr>
        <b/>
        <sz val="10"/>
        <color theme="1"/>
        <rFont val="Arial"/>
        <family val="2"/>
        <charset val="238"/>
      </rPr>
      <t xml:space="preserve"> antikoaguláciu </t>
    </r>
  </si>
  <si>
    <t>Požaduje sa, aby súprava určená pre systém Aquarius na heparínovú antikoaguláciu, bola kompatibilná s hemodialyzčným monitorom Aquarius, ktorý má verejný obstarávateľ vo vlastníctve.</t>
  </si>
  <si>
    <t>Požaduje sa, aby súprava určená pre systém Aquarius na citrátovú antikoaguláciu, bola kompatibilná s hemodialyzačným monitorom Aquarius, ktorý má verejný obstarávateľ vo vlastníctve.</t>
  </si>
  <si>
    <t>Vak sa používa pri citrátovej aj pri heparínovej antikoagulácii</t>
  </si>
  <si>
    <t>Vak náhradný/odpadový 5 l</t>
  </si>
  <si>
    <t xml:space="preserve">Položka č. 1 - Súprava pre systém Multifiltrát na citrátovú antikoaguláciu </t>
  </si>
  <si>
    <t xml:space="preserve">Multifiltrate CiCa casette </t>
  </si>
  <si>
    <t xml:space="preserve">Ci-Ca dialysate system multifiltrate </t>
  </si>
  <si>
    <t xml:space="preserve">Multieffluent vak 10 l </t>
  </si>
  <si>
    <t xml:space="preserve">Požaduje sa, aby súprava určená pre systém Multifiltrát na citrátovú antikoaguláciu, bola kompatibilná so systémom Multifiltrát, ktorý má verejný obstarávateľ vo vlastníctve. </t>
  </si>
  <si>
    <t xml:space="preserve">Multifiltrát casette </t>
  </si>
  <si>
    <t>Dialyzačný systém multifiltrát</t>
  </si>
  <si>
    <t xml:space="preserve">Dispences 2 cestný HF female / 4-cestný malé koncovky </t>
  </si>
  <si>
    <r>
      <t xml:space="preserve">Multieffluent vak 10 l </t>
    </r>
    <r>
      <rPr>
        <sz val="10"/>
        <color rgb="FFFF0000"/>
        <rFont val="Arial"/>
        <family val="2"/>
        <charset val="238"/>
      </rPr>
      <t/>
    </r>
  </si>
  <si>
    <t xml:space="preserve">Položka č. 2 - Súprava pre systém Multifiltrát na heparínovú antikoaguláciu </t>
  </si>
  <si>
    <t xml:space="preserve">Požaduje sa, aby súprava určená pre systém Multifiltrát na heparínovú antikoaguláciu, bola kompatibilná so systémom Multifiltrát, ktorý má verejný obstarávateľ vo vlastníctve. </t>
  </si>
  <si>
    <t>Vak náhradný/odpadový 10l</t>
  </si>
  <si>
    <t xml:space="preserve">Položka č. 3 - Vak náhradný/odpadový 5 l </t>
  </si>
  <si>
    <t xml:space="preserve">Položka č. 2 - Súprava pre systém Aquarius na heparínovú antikoaguláciu </t>
  </si>
  <si>
    <t>Položka č. 3 - Vak náhradný/odpadový 10 l</t>
  </si>
  <si>
    <t>Položka č. 3 - Vak náhradný/odpadový 5 l</t>
  </si>
  <si>
    <t>RCA: Hadicový set pre systém Aquarius CRRT s citrátovou antikoaguláciou</t>
  </si>
  <si>
    <t>Metódy použitia: CVVH, CVVHD</t>
  </si>
  <si>
    <t>Metódy použitia súpravy: CVVH, CVVHD, CVHHDF, SCUF, hemoperfúzia, TPE</t>
  </si>
  <si>
    <t>Dištančné vlákna - zabraňuje zhlukovaniu kapilár a umožňuje rovnomerné rozloženie dialyzátu, ktoré maximalizuje voľný priestor</t>
  </si>
  <si>
    <t>Paralelené spojky Trojlinka (2 ks) na pripojenie troch vakov so substitučným/dialyzačným roztokom a troch zberných vakov</t>
  </si>
  <si>
    <t>Hadicový set kompatibilný s daným hemofiltrom s použitím citrátovej  antikoagulácie:</t>
  </si>
  <si>
    <t xml:space="preserve">Dispencer 2-cestný HF female/4-cestný HF malé koncovky </t>
  </si>
  <si>
    <t>Názov položky príslušnej časti predmetu zákazky</t>
  </si>
  <si>
    <t xml:space="preserve">Predpokladané množstvo na obdobie 24 mes. </t>
  </si>
  <si>
    <t>Požaduje sa uzatvorenie Rámcovej dohody, a to na dohodnuté zmluvné obdobie dvadsiatichštyroch (24) kalendárnych mesiacov, resp. do doby naplnenia zmluvného finančného objemu podľa toho, ktorá z uvedených skutočností nastane skôr.</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do štyridsiatich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t>
  </si>
  <si>
    <t>Požaduje sa v zmysle § 340b ods. 5 zákona č. 513/1991 Z. z. Obchodného zákonníka v znení neskorších predpisov splatnosť faktúry v lehote šesťdesiatich (60) kalendárnych dní odo dňa jej doručenia Objednávateľovi.</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szm@vusch.sk. Za deň splnenia peňažného záväzku sa považuje deň odpísania dlžnej sumy z účtu Objednávateľa v prospech účtu Dodávateľa.</t>
  </si>
  <si>
    <t>Požaduje sa, aby Dodávateľom poskytovaný predmet plnenia bol (v prípade, ak je to relevantné), v súlade s:</t>
  </si>
  <si>
    <t>a) aktuálnym Cenovým opatrením MZ SR, ktorým sa ustanovuje rozsah regulácie cien v oblasti zdravotníctva,</t>
  </si>
  <si>
    <t>b) zákonom č. 363/2011 Z. z. o rozsahu a podmienkach úhrady liekov, zdravotníckych pomôcok a dietetických potravín na základe verejného zdravotného poistenia a o zmene a doplnení niektorých zákonov v znení neskorších predpisov,</t>
  </si>
  <si>
    <t>c) aktuálne platným Zoznamom liekov s úradne určenou cenou,</t>
  </si>
  <si>
    <t>d) aktuálne platným Zoznamom kategorizovaných špeciálnych zdravotníckych materiálov,</t>
  </si>
  <si>
    <t>e) aktuálne platným Zoznamom kategorizovaných špeciálnych zdravotníckych materiálov s maximálnou výškou úhrady poisťovne Všeobecná zdravotná poisťovna, a.s., DÔVERA zdravotná poisťovňa, a.s. a Union zdravotná poisťovňa, a.s.,</t>
  </si>
  <si>
    <t>f) aktuálne platným Zoznamom nekategorizovaných špeciálnych zdravotníckych materiálov s maximálnou výškou úhrady poisťovne Všeobecná zdravotná poisťovna, a.s., DÔVERA zdravotná poisťovňa, a.s. a Union zdravotná poisťovňa, a.s.</t>
  </si>
  <si>
    <t>V prípade, ak bude zmluvná cena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 
V prípade, ak v uvedenej lehote nebude dodatok Objednávateľovi doručený, vyhradzuje si Objednávateľ právo Rámcovú dohodu vypovedať s výpovednou lehotou jeden (1) mesiac. Výpovedná doba začína plynúť od prvého (1.) dňa kalendárneho mesiaca nasledujúceho po doručení výpovede a skončí sa uplynutím posledného dňa príslušného kalendárneho mesiaca.</t>
    </r>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9. - 13. týchto zmluvných podmienok.</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piatich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á sa odvolala na okolnosti vylučujúce zodpovednosť, právo odstúpiť od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č. 18/2018 Z. z. o ochrane osobných údajov a o zmene a doplnení niektorých zákonov v znení neskorších predpisov. Bližšie informácie sú uvedené na webovom sídle verejného obstarávateľa.</t>
  </si>
  <si>
    <t>Dodávateľ je povinný podľa Nariadenia Európskeho parlamentu a Rady (EÚ) 2016/679 o ochrane fyzických osôb pri spracúvaní osobných údajov a o voľnom pohybe takýchto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t>
  </si>
  <si>
    <t>Požaduje sa, aby sa Dodávateľ po uzatvorení Rámcovej dohody oboznámil s Etickým kódexom obchodných partnerov Objednávateľa zverejnenom na www.vusch.sk. Požaduje sa dodržiavanie etických zásad uvedených v Etickom kódexe Objednávateľa, pričom v prípade zistenia, že došlo k porušeniu týchto zásad, Objednávateľ si vyhradzuje právo zmluvný vzťah ukončiť v 1-mesačnej výpovednej lehote. Výpovedná lehota začína plynúť 1. kalendárnym dňom mesiaca, nasledujúcom po mesiaci, v ktorom bude písomná výpoveď doručená a skončí sa posledným kalendárnym dňom príslušného mesiaca.</t>
  </si>
  <si>
    <t>V prípade, ak sa na predmet zákazky vykonala prípravná trhová konzultácia, informácie k prípravnej trhovej konzultácie verejný obstarávateľ zverejňuje na www.vusch.sk/verejne-obstaravanie/.</t>
  </si>
  <si>
    <t>Kalkulácia ceny - Štruktúrovaný rozpočet ceny predemtu zákazky</t>
  </si>
  <si>
    <t>Merná jednotka 
(MJ)</t>
  </si>
  <si>
    <r>
      <rPr>
        <b/>
        <sz val="10"/>
        <color theme="1"/>
        <rFont val="Arial"/>
        <family val="2"/>
        <charset val="238"/>
      </rPr>
      <t>Časť č. 1</t>
    </r>
    <r>
      <rPr>
        <sz val="10"/>
        <color theme="1"/>
        <rFont val="Arial"/>
        <family val="2"/>
        <charset val="238"/>
      </rPr>
      <t xml:space="preserve"> - Súprava pre systém Aquarius na citrátovú a heparínovú antikoaguláciu </t>
    </r>
  </si>
  <si>
    <t>Spotrebný materiál pre systém Aquarius a systém Multifiltrát</t>
  </si>
  <si>
    <r>
      <rPr>
        <b/>
        <sz val="10"/>
        <color theme="1"/>
        <rFont val="Arial"/>
        <family val="2"/>
        <charset val="238"/>
      </rPr>
      <t>Časť č. 2</t>
    </r>
    <r>
      <rPr>
        <sz val="10"/>
        <color theme="1"/>
        <rFont val="Arial"/>
        <family val="2"/>
        <charset val="238"/>
      </rPr>
      <t xml:space="preserve"> - Súprava pre systém Multifiltrát na citrátovú a heparínovú antikoaguláciu</t>
    </r>
  </si>
  <si>
    <t>Časť č. 2 - Súprava pre systém Multifiltrát na citrátovú a heparínovú antikoaguláciu</t>
  </si>
  <si>
    <t>Áno - 2 časti, uchádzač predloží svoju ponuku za príslušnú časť, o ktorú prejaví záujem</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r>
      <rPr>
        <b/>
        <sz val="10"/>
        <color theme="1"/>
        <rFont val="Arial"/>
        <family val="2"/>
        <charset val="238"/>
      </rPr>
      <t xml:space="preserve">Potvrdenie ŠÚKL </t>
    </r>
    <r>
      <rPr>
        <sz val="10"/>
        <color theme="1"/>
        <rFont val="Arial"/>
        <family val="2"/>
        <charset val="238"/>
      </rPr>
      <t xml:space="preserve">(výstup z databázy registrovaných/evidovaných zdravotníckych pomôcok), resp. iné doklady, ktoré nahrádzajú požadované potvrdenie. </t>
    </r>
  </si>
  <si>
    <t>7. PRÍLOHY</t>
  </si>
  <si>
    <t xml:space="preserve">Požadované minimálne osobitné požiadavky na predmet zákazky a doklady (tieto doklady budú požadované vo vyhlásenom verejnom obstarávaní): 
</t>
  </si>
  <si>
    <r>
      <rPr>
        <b/>
        <sz val="10"/>
        <color theme="1"/>
        <rFont val="Arial"/>
        <family val="2"/>
        <charset val="238"/>
      </rPr>
      <t>Prospektový materiá</t>
    </r>
    <r>
      <rPr>
        <sz val="10"/>
        <color theme="1"/>
        <rFont val="Arial"/>
        <family val="2"/>
        <charset val="238"/>
      </rPr>
      <t>l všetkých ponúkaných produktov uvedených v Prílohe - Sortiment ponúkaného tovaru. Prospektový materiál musí obsahovať popis funkcií a technických parametrov ponúkaného produktu tak, aby na základe nich mohol verejný obstarávateľ jednoznačne posúdiť splnenie všetkých požadovaných minimálnych technických vlastností, parametrov a hodnôt v súlade s Prílohou - Špecifikácia predmetu zákazky. Prospektový materiál nemusí byť preložený do slovenského jazyka.</t>
    </r>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5"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i/>
      <sz val="10"/>
      <name val="Arial"/>
      <family val="2"/>
      <charset val="238"/>
    </font>
    <font>
      <sz val="10"/>
      <color rgb="FF00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61">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dotted">
        <color auto="1"/>
      </top>
      <bottom style="medium">
        <color auto="1"/>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medium">
        <color indexed="64"/>
      </left>
      <right style="thin">
        <color auto="1"/>
      </right>
      <top style="medium">
        <color indexed="64"/>
      </top>
      <bottom style="thin">
        <color auto="1"/>
      </bottom>
      <diagonal/>
    </border>
    <border>
      <left/>
      <right/>
      <top style="thin">
        <color auto="1"/>
      </top>
      <bottom style="thin">
        <color auto="1"/>
      </bottom>
      <diagonal/>
    </border>
    <border>
      <left/>
      <right style="medium">
        <color indexed="64"/>
      </right>
      <top style="thin">
        <color auto="1"/>
      </top>
      <bottom style="thin">
        <color auto="1"/>
      </bottom>
      <diagonal/>
    </border>
    <border>
      <left style="thin">
        <color auto="1"/>
      </left>
      <right/>
      <top style="thin">
        <color auto="1"/>
      </top>
      <bottom style="medium">
        <color auto="1"/>
      </bottom>
      <diagonal/>
    </border>
    <border>
      <left style="thin">
        <color auto="1"/>
      </left>
      <right style="thin">
        <color auto="1"/>
      </right>
      <top style="thin">
        <color auto="1"/>
      </top>
      <bottom style="dotted">
        <color auto="1"/>
      </bottom>
      <diagonal/>
    </border>
    <border>
      <left style="thin">
        <color auto="1"/>
      </left>
      <right style="medium">
        <color indexed="64"/>
      </right>
      <top style="thin">
        <color auto="1"/>
      </top>
      <bottom style="dotted">
        <color auto="1"/>
      </bottom>
      <diagonal/>
    </border>
    <border>
      <left style="thin">
        <color auto="1"/>
      </left>
      <right style="thin">
        <color auto="1"/>
      </right>
      <top style="dotted">
        <color auto="1"/>
      </top>
      <bottom style="thin">
        <color auto="1"/>
      </bottom>
      <diagonal/>
    </border>
    <border>
      <left style="thin">
        <color auto="1"/>
      </left>
      <right style="medium">
        <color indexed="64"/>
      </right>
      <top style="dotted">
        <color auto="1"/>
      </top>
      <bottom style="thin">
        <color auto="1"/>
      </bottom>
      <diagonal/>
    </border>
    <border>
      <left style="thin">
        <color auto="1"/>
      </left>
      <right style="thin">
        <color auto="1"/>
      </right>
      <top/>
      <bottom style="thin">
        <color auto="1"/>
      </bottom>
      <diagonal/>
    </border>
    <border>
      <left style="thin">
        <color auto="1"/>
      </left>
      <right/>
      <top/>
      <bottom style="thin">
        <color auto="1"/>
      </bottom>
      <diagonal/>
    </border>
    <border>
      <left style="thin">
        <color auto="1"/>
      </left>
      <right style="thin">
        <color auto="1"/>
      </right>
      <top/>
      <bottom/>
      <diagonal/>
    </border>
    <border>
      <left style="medium">
        <color auto="1"/>
      </left>
      <right style="thin">
        <color auto="1"/>
      </right>
      <top/>
      <bottom style="medium">
        <color auto="1"/>
      </bottom>
      <diagonal/>
    </border>
    <border>
      <left style="thin">
        <color auto="1"/>
      </left>
      <right style="medium">
        <color indexed="64"/>
      </right>
      <top/>
      <bottom style="thin">
        <color auto="1"/>
      </bottom>
      <diagonal/>
    </border>
    <border>
      <left style="thin">
        <color auto="1"/>
      </left>
      <right style="medium">
        <color indexed="64"/>
      </right>
      <top/>
      <bottom/>
      <diagonal/>
    </border>
    <border>
      <left style="thin">
        <color auto="1"/>
      </left>
      <right style="medium">
        <color indexed="64"/>
      </right>
      <top style="thin">
        <color auto="1"/>
      </top>
      <bottom/>
      <diagonal/>
    </border>
    <border>
      <left style="medium">
        <color auto="1"/>
      </left>
      <right/>
      <top/>
      <bottom style="thin">
        <color auto="1"/>
      </bottom>
      <diagonal/>
    </border>
    <border>
      <left style="medium">
        <color auto="1"/>
      </left>
      <right/>
      <top style="thin">
        <color auto="1"/>
      </top>
      <bottom style="thin">
        <color auto="1"/>
      </bottom>
      <diagonal/>
    </border>
    <border>
      <left/>
      <right style="thin">
        <color auto="1"/>
      </right>
      <top/>
      <bottom style="thin">
        <color auto="1"/>
      </bottom>
      <diagonal/>
    </border>
    <border>
      <left/>
      <right style="medium">
        <color indexed="64"/>
      </right>
      <top/>
      <bottom/>
      <diagonal/>
    </border>
    <border>
      <left style="thin">
        <color auto="1"/>
      </left>
      <right style="thin">
        <color auto="1"/>
      </right>
      <top/>
      <bottom style="medium">
        <color indexed="64"/>
      </bottom>
      <diagonal/>
    </border>
    <border>
      <left/>
      <right style="thin">
        <color auto="1"/>
      </right>
      <top style="thin">
        <color auto="1"/>
      </top>
      <bottom style="medium">
        <color indexed="64"/>
      </bottom>
      <diagonal/>
    </border>
    <border>
      <left style="thin">
        <color auto="1"/>
      </left>
      <right style="thin">
        <color auto="1"/>
      </right>
      <top style="medium">
        <color auto="1"/>
      </top>
      <bottom style="thin">
        <color indexed="64"/>
      </bottom>
      <diagonal/>
    </border>
    <border>
      <left style="medium">
        <color indexed="64"/>
      </left>
      <right style="thin">
        <color auto="1"/>
      </right>
      <top/>
      <bottom style="thin">
        <color auto="1"/>
      </bottom>
      <diagonal/>
    </border>
    <border>
      <left style="thin">
        <color auto="1"/>
      </left>
      <right style="thin">
        <color auto="1"/>
      </right>
      <top/>
      <bottom style="dotted">
        <color auto="1"/>
      </bottom>
      <diagonal/>
    </border>
    <border>
      <left style="thin">
        <color auto="1"/>
      </left>
      <right style="thin">
        <color auto="1"/>
      </right>
      <top style="dotted">
        <color auto="1"/>
      </top>
      <bottom style="dotted">
        <color auto="1"/>
      </bottom>
      <diagonal/>
    </border>
    <border>
      <left style="medium">
        <color auto="1"/>
      </left>
      <right style="thin">
        <color auto="1"/>
      </right>
      <top/>
      <bottom/>
      <diagonal/>
    </border>
    <border>
      <left style="medium">
        <color auto="1"/>
      </left>
      <right style="thin">
        <color auto="1"/>
      </right>
      <top style="thin">
        <color auto="1"/>
      </top>
      <bottom style="dotted">
        <color indexed="64"/>
      </bottom>
      <diagonal/>
    </border>
    <border>
      <left style="medium">
        <color indexed="64"/>
      </left>
      <right style="thin">
        <color auto="1"/>
      </right>
      <top style="dotted">
        <color indexed="64"/>
      </top>
      <bottom style="dotted">
        <color indexed="64"/>
      </bottom>
      <diagonal/>
    </border>
    <border>
      <left style="thin">
        <color auto="1"/>
      </left>
      <right style="medium">
        <color indexed="64"/>
      </right>
      <top style="dotted">
        <color auto="1"/>
      </top>
      <bottom style="dotted">
        <color indexed="64"/>
      </bottom>
      <diagonal/>
    </border>
    <border>
      <left style="thin">
        <color auto="1"/>
      </left>
      <right style="medium">
        <color indexed="64"/>
      </right>
      <top style="dotted">
        <color auto="1"/>
      </top>
      <bottom/>
      <diagonal/>
    </border>
    <border>
      <left style="thin">
        <color auto="1"/>
      </left>
      <right style="dotted">
        <color auto="1"/>
      </right>
      <top/>
      <bottom style="dotted">
        <color auto="1"/>
      </bottom>
      <diagonal/>
    </border>
    <border>
      <left style="dotted">
        <color auto="1"/>
      </left>
      <right style="medium">
        <color auto="1"/>
      </right>
      <top style="medium">
        <color auto="1"/>
      </top>
      <bottom style="thin">
        <color auto="1"/>
      </bottom>
      <diagonal/>
    </border>
    <border>
      <left style="thin">
        <color auto="1"/>
      </left>
      <right style="dotted">
        <color auto="1"/>
      </right>
      <top/>
      <bottom/>
      <diagonal/>
    </border>
    <border>
      <left style="dotted">
        <color auto="1"/>
      </left>
      <right style="medium">
        <color auto="1"/>
      </right>
      <top/>
      <bottom style="thin">
        <color auto="1"/>
      </bottom>
      <diagonal/>
    </border>
    <border>
      <left style="dotted">
        <color auto="1"/>
      </left>
      <right style="medium">
        <color auto="1"/>
      </right>
      <top style="thin">
        <color auto="1"/>
      </top>
      <bottom style="thin">
        <color auto="1"/>
      </bottom>
      <diagonal/>
    </border>
    <border>
      <left style="dotted">
        <color auto="1"/>
      </left>
      <right style="medium">
        <color indexed="64"/>
      </right>
      <top/>
      <bottom style="medium">
        <color indexed="64"/>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200">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2" xfId="0" applyFont="1" applyFill="1" applyBorder="1" applyAlignment="1">
      <alignment horizontal="center" vertical="center" wrapText="1"/>
    </xf>
    <xf numFmtId="0" fontId="2" fillId="3" borderId="12" xfId="0" applyFont="1" applyFill="1" applyBorder="1" applyAlignment="1">
      <alignment horizontal="left" vertical="top" wrapText="1"/>
    </xf>
    <xf numFmtId="0" fontId="2" fillId="3" borderId="12" xfId="0" applyFont="1" applyFill="1" applyBorder="1" applyAlignment="1">
      <alignment horizontal="center" vertical="top" wrapText="1"/>
    </xf>
    <xf numFmtId="0" fontId="10" fillId="0" borderId="0" xfId="0" applyFont="1" applyAlignment="1">
      <alignment horizontal="center"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2"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2" xfId="5" applyFont="1" applyFill="1" applyBorder="1" applyAlignment="1">
      <alignment horizontal="right" vertical="center" wrapText="1"/>
    </xf>
    <xf numFmtId="0" fontId="11" fillId="2" borderId="12" xfId="0" applyNumberFormat="1" applyFont="1" applyFill="1" applyBorder="1" applyAlignment="1">
      <alignment horizontal="left" vertical="center" wrapText="1"/>
    </xf>
    <xf numFmtId="0" fontId="7" fillId="2" borderId="12" xfId="0" applyNumberFormat="1" applyFont="1" applyFill="1" applyBorder="1" applyAlignment="1">
      <alignment horizontal="left" vertical="center" wrapText="1"/>
    </xf>
    <xf numFmtId="49" fontId="4" fillId="0" borderId="12" xfId="0" applyNumberFormat="1" applyFont="1" applyFill="1" applyBorder="1" applyAlignment="1">
      <alignment horizontal="left" vertical="center" wrapText="1"/>
    </xf>
    <xf numFmtId="49" fontId="2" fillId="0" borderId="8" xfId="0" applyNumberFormat="1" applyFont="1" applyBorder="1" applyAlignment="1">
      <alignment horizontal="center" vertical="center"/>
    </xf>
    <xf numFmtId="0" fontId="4" fillId="0" borderId="21"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49" fontId="4" fillId="0" borderId="24" xfId="0" applyNumberFormat="1" applyFont="1" applyFill="1" applyBorder="1" applyAlignment="1">
      <alignment horizontal="left" vertical="center" wrapText="1"/>
    </xf>
    <xf numFmtId="49" fontId="2" fillId="0" borderId="8" xfId="0" applyNumberFormat="1" applyFont="1" applyFill="1" applyBorder="1" applyAlignment="1">
      <alignment horizontal="center" vertical="center" wrapText="1"/>
    </xf>
    <xf numFmtId="0" fontId="2" fillId="0" borderId="12" xfId="0" applyNumberFormat="1" applyFont="1" applyBorder="1" applyAlignment="1">
      <alignment horizontal="center" vertical="center" wrapText="1"/>
    </xf>
    <xf numFmtId="0" fontId="2" fillId="0" borderId="21" xfId="0" applyNumberFormat="1" applyFont="1" applyBorder="1" applyAlignment="1">
      <alignment horizontal="center" vertical="center" wrapText="1"/>
    </xf>
    <xf numFmtId="0" fontId="2" fillId="0" borderId="29" xfId="0" applyNumberFormat="1" applyFont="1" applyBorder="1" applyAlignment="1">
      <alignment horizontal="center" vertical="center" wrapText="1"/>
    </xf>
    <xf numFmtId="0" fontId="2" fillId="0" borderId="31" xfId="0" applyNumberFormat="1" applyFont="1" applyBorder="1" applyAlignment="1">
      <alignment horizontal="center" vertical="center" wrapText="1"/>
    </xf>
    <xf numFmtId="49" fontId="2" fillId="0" borderId="23" xfId="0" applyNumberFormat="1" applyFont="1" applyBorder="1" applyAlignment="1">
      <alignment horizontal="center" vertical="center"/>
    </xf>
    <xf numFmtId="49" fontId="4" fillId="0" borderId="33" xfId="0" applyNumberFormat="1" applyFont="1" applyFill="1" applyBorder="1" applyAlignment="1">
      <alignment horizontal="left" vertical="center" wrapText="1"/>
    </xf>
    <xf numFmtId="0" fontId="2" fillId="0" borderId="24" xfId="0" applyNumberFormat="1" applyFont="1" applyBorder="1" applyAlignment="1">
      <alignment vertical="center" wrapText="1"/>
    </xf>
    <xf numFmtId="0" fontId="2" fillId="0" borderId="33" xfId="0" applyNumberFormat="1" applyFont="1" applyBorder="1" applyAlignment="1">
      <alignment vertical="center" wrapText="1"/>
    </xf>
    <xf numFmtId="49" fontId="2" fillId="0" borderId="13" xfId="0" applyNumberFormat="1" applyFont="1" applyBorder="1" applyAlignment="1">
      <alignment horizontal="center" vertical="center"/>
    </xf>
    <xf numFmtId="49" fontId="2" fillId="0" borderId="9" xfId="0" applyNumberFormat="1" applyFont="1" applyBorder="1" applyAlignment="1">
      <alignment horizontal="left" vertical="center" wrapText="1"/>
    </xf>
    <xf numFmtId="49" fontId="2" fillId="0" borderId="30" xfId="0" applyNumberFormat="1" applyFont="1" applyBorder="1" applyAlignment="1">
      <alignment horizontal="left" vertical="center" wrapText="1"/>
    </xf>
    <xf numFmtId="49" fontId="2" fillId="0" borderId="32" xfId="0" applyNumberFormat="1" applyFont="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2" fillId="0" borderId="9" xfId="0" applyFont="1" applyFill="1" applyBorder="1" applyAlignment="1">
      <alignment horizontal="left" vertical="center" wrapText="1"/>
    </xf>
    <xf numFmtId="0" fontId="2" fillId="0" borderId="22" xfId="0" applyFont="1" applyFill="1" applyBorder="1" applyAlignment="1">
      <alignment horizontal="left" vertical="center" wrapText="1"/>
    </xf>
    <xf numFmtId="49" fontId="2" fillId="2" borderId="4" xfId="0" applyNumberFormat="1" applyFont="1" applyFill="1" applyBorder="1" applyAlignment="1">
      <alignment horizontal="center"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2" fillId="0" borderId="22" xfId="0" applyNumberFormat="1" applyFont="1" applyBorder="1" applyAlignment="1">
      <alignment horizontal="left" vertical="center" wrapText="1"/>
    </xf>
    <xf numFmtId="0" fontId="2" fillId="0" borderId="12" xfId="0" applyFont="1" applyFill="1" applyBorder="1" applyAlignment="1">
      <alignment horizontal="center" vertical="center" wrapText="1"/>
    </xf>
    <xf numFmtId="49" fontId="2" fillId="0" borderId="8" xfId="0" applyNumberFormat="1" applyFont="1" applyBorder="1" applyAlignment="1">
      <alignment horizontal="right" vertical="center"/>
    </xf>
    <xf numFmtId="49" fontId="4" fillId="0" borderId="12" xfId="0" applyNumberFormat="1" applyFont="1" applyFill="1" applyBorder="1" applyAlignment="1">
      <alignment vertical="center" wrapText="1"/>
    </xf>
    <xf numFmtId="0" fontId="2" fillId="0" borderId="33" xfId="0" applyNumberFormat="1" applyFont="1" applyBorder="1" applyAlignment="1">
      <alignment horizontal="center" vertical="center" wrapText="1"/>
    </xf>
    <xf numFmtId="0" fontId="2" fillId="0" borderId="35" xfId="0" applyNumberFormat="1" applyFont="1" applyBorder="1" applyAlignment="1">
      <alignment horizontal="center" vertical="center" wrapText="1"/>
    </xf>
    <xf numFmtId="49" fontId="2" fillId="0" borderId="38" xfId="0" applyNumberFormat="1" applyFont="1" applyBorder="1" applyAlignment="1">
      <alignment horizontal="left" vertical="center" wrapText="1"/>
    </xf>
    <xf numFmtId="49" fontId="13" fillId="0" borderId="12" xfId="0" applyNumberFormat="1" applyFont="1" applyFill="1" applyBorder="1" applyAlignment="1">
      <alignment horizontal="left" vertical="center" wrapText="1"/>
    </xf>
    <xf numFmtId="0" fontId="14" fillId="0" borderId="12" xfId="0" applyFont="1" applyBorder="1" applyAlignment="1">
      <alignment vertical="center"/>
    </xf>
    <xf numFmtId="0" fontId="14" fillId="0" borderId="12" xfId="0" applyFont="1" applyBorder="1" applyAlignment="1">
      <alignment vertical="center" wrapText="1"/>
    </xf>
    <xf numFmtId="49" fontId="4" fillId="0" borderId="24" xfId="0" applyNumberFormat="1" applyFont="1" applyFill="1" applyBorder="1" applyAlignment="1">
      <alignment horizontal="left" wrapText="1"/>
    </xf>
    <xf numFmtId="49" fontId="13" fillId="0" borderId="24" xfId="0" applyNumberFormat="1" applyFont="1" applyFill="1" applyBorder="1" applyAlignment="1">
      <alignment horizontal="left" vertical="center" wrapText="1"/>
    </xf>
    <xf numFmtId="49" fontId="2" fillId="0" borderId="23" xfId="0" applyNumberFormat="1" applyFont="1" applyBorder="1" applyAlignment="1">
      <alignment horizontal="right" vertical="center"/>
    </xf>
    <xf numFmtId="0" fontId="14" fillId="0" borderId="0" xfId="0" applyFont="1" applyBorder="1" applyAlignment="1">
      <alignment vertical="center"/>
    </xf>
    <xf numFmtId="49" fontId="2" fillId="0" borderId="9" xfId="0" applyNumberFormat="1" applyFont="1" applyBorder="1" applyAlignment="1">
      <alignment horizontal="center" vertical="center" wrapText="1"/>
    </xf>
    <xf numFmtId="49" fontId="2" fillId="0" borderId="37" xfId="0" applyNumberFormat="1" applyFont="1" applyBorder="1" applyAlignment="1">
      <alignment vertical="center" wrapText="1"/>
    </xf>
    <xf numFmtId="0" fontId="2" fillId="0" borderId="20" xfId="0" applyNumberFormat="1" applyFont="1" applyBorder="1" applyAlignment="1">
      <alignment horizontal="center" vertical="center" wrapText="1"/>
    </xf>
    <xf numFmtId="0" fontId="2" fillId="0" borderId="24" xfId="0" applyNumberFormat="1" applyFont="1" applyBorder="1" applyAlignment="1">
      <alignment horizontal="center" vertical="center" wrapText="1"/>
    </xf>
    <xf numFmtId="49" fontId="2" fillId="0" borderId="39" xfId="0" applyNumberFormat="1" applyFont="1" applyBorder="1" applyAlignment="1">
      <alignment horizontal="left" vertical="center" wrapText="1"/>
    </xf>
    <xf numFmtId="49" fontId="4" fillId="0" borderId="0" xfId="0" applyNumberFormat="1" applyFont="1" applyFill="1" applyBorder="1" applyAlignment="1">
      <alignment horizontal="left" vertical="center" wrapText="1"/>
    </xf>
    <xf numFmtId="0" fontId="2" fillId="0" borderId="0" xfId="0" applyNumberFormat="1" applyFont="1" applyBorder="1" applyAlignment="1">
      <alignment horizontal="center" vertical="center" wrapText="1"/>
    </xf>
    <xf numFmtId="49" fontId="2" fillId="0" borderId="43" xfId="0" applyNumberFormat="1" applyFont="1" applyBorder="1" applyAlignment="1">
      <alignment horizontal="left" vertical="center" wrapText="1"/>
    </xf>
    <xf numFmtId="49" fontId="2" fillId="0" borderId="36" xfId="0" applyNumberFormat="1" applyFont="1" applyBorder="1" applyAlignment="1">
      <alignment horizontal="center" vertical="center"/>
    </xf>
    <xf numFmtId="49" fontId="2" fillId="0" borderId="27" xfId="0" applyNumberFormat="1" applyFont="1" applyBorder="1" applyAlignment="1">
      <alignment horizontal="left" vertical="center" wrapText="1"/>
    </xf>
    <xf numFmtId="0" fontId="2" fillId="0" borderId="33" xfId="0" applyFont="1" applyFill="1" applyBorder="1" applyAlignment="1">
      <alignment horizontal="center" vertical="center" wrapText="1"/>
    </xf>
    <xf numFmtId="0" fontId="2" fillId="0" borderId="21" xfId="0" applyFont="1" applyFill="1" applyBorder="1" applyAlignment="1">
      <alignment horizontal="center" vertical="center" wrapText="1"/>
    </xf>
    <xf numFmtId="49" fontId="2" fillId="0" borderId="25" xfId="0" applyNumberFormat="1" applyFont="1" applyFill="1" applyBorder="1" applyAlignment="1">
      <alignment horizontal="center" vertical="center" wrapText="1"/>
    </xf>
    <xf numFmtId="0" fontId="2" fillId="6" borderId="12" xfId="0" applyFont="1" applyFill="1" applyBorder="1" applyAlignment="1">
      <alignment horizontal="center" vertical="center" wrapText="1"/>
    </xf>
    <xf numFmtId="0" fontId="2" fillId="6" borderId="33" xfId="0" applyFont="1" applyFill="1" applyBorder="1" applyAlignment="1">
      <alignment horizontal="center" vertical="center" wrapText="1"/>
    </xf>
    <xf numFmtId="0" fontId="2" fillId="0" borderId="38" xfId="0" applyFont="1" applyFill="1" applyBorder="1" applyAlignment="1">
      <alignment horizontal="left" vertical="center" wrapText="1"/>
    </xf>
    <xf numFmtId="0" fontId="4" fillId="0" borderId="5" xfId="0" applyFont="1" applyFill="1" applyBorder="1" applyAlignment="1">
      <alignment horizontal="left" vertical="center" wrapText="1"/>
    </xf>
    <xf numFmtId="49" fontId="4" fillId="6" borderId="12" xfId="0" applyNumberFormat="1" applyFont="1" applyFill="1" applyBorder="1" applyAlignment="1">
      <alignment horizontal="left" vertical="center" wrapText="1"/>
    </xf>
    <xf numFmtId="49" fontId="4" fillId="0" borderId="26" xfId="0" applyNumberFormat="1" applyFont="1" applyFill="1" applyBorder="1" applyAlignment="1">
      <alignment horizontal="left" vertical="center" wrapText="1"/>
    </xf>
    <xf numFmtId="0" fontId="2" fillId="6" borderId="0" xfId="0" applyFont="1" applyFill="1" applyBorder="1" applyAlignment="1">
      <alignment vertical="center"/>
    </xf>
    <xf numFmtId="49" fontId="4" fillId="6" borderId="12" xfId="0" applyNumberFormat="1" applyFont="1" applyFill="1" applyBorder="1" applyAlignment="1">
      <alignment vertical="center" wrapText="1"/>
    </xf>
    <xf numFmtId="49" fontId="13" fillId="6" borderId="24" xfId="0" applyNumberFormat="1" applyFont="1" applyFill="1" applyBorder="1" applyAlignment="1">
      <alignment horizontal="left" vertical="center" wrapText="1"/>
    </xf>
    <xf numFmtId="49" fontId="4" fillId="6" borderId="24" xfId="0" applyNumberFormat="1" applyFont="1" applyFill="1" applyBorder="1" applyAlignment="1">
      <alignment horizontal="left" vertical="center" wrapText="1"/>
    </xf>
    <xf numFmtId="3" fontId="2" fillId="6" borderId="21" xfId="0" applyNumberFormat="1" applyFont="1" applyFill="1" applyBorder="1" applyAlignment="1">
      <alignment horizontal="center" vertical="center" wrapText="1"/>
    </xf>
    <xf numFmtId="49" fontId="4" fillId="6" borderId="21" xfId="0" applyNumberFormat="1" applyFont="1" applyFill="1" applyBorder="1" applyAlignment="1">
      <alignment horizontal="left" vertical="center" wrapText="1"/>
    </xf>
    <xf numFmtId="0" fontId="4" fillId="0" borderId="46" xfId="0" applyFont="1" applyFill="1" applyBorder="1" applyAlignment="1">
      <alignment horizontal="left" vertical="center" wrapText="1"/>
    </xf>
    <xf numFmtId="0" fontId="4" fillId="0" borderId="29" xfId="0" applyFont="1" applyFill="1" applyBorder="1" applyAlignment="1">
      <alignment horizontal="left" vertical="center" wrapText="1"/>
    </xf>
    <xf numFmtId="0" fontId="4" fillId="6" borderId="48" xfId="0" applyFont="1" applyFill="1" applyBorder="1" applyAlignment="1">
      <alignment horizontal="left" vertical="center" wrapText="1"/>
    </xf>
    <xf numFmtId="0" fontId="4" fillId="0" borderId="35" xfId="0" applyFont="1" applyFill="1" applyBorder="1" applyAlignment="1">
      <alignment horizontal="left" vertical="center" wrapText="1"/>
    </xf>
    <xf numFmtId="0" fontId="4" fillId="0" borderId="49" xfId="0" applyFont="1" applyFill="1" applyBorder="1" applyAlignment="1">
      <alignment horizontal="left" vertical="center" wrapText="1"/>
    </xf>
    <xf numFmtId="0" fontId="4" fillId="0" borderId="33" xfId="0" applyFont="1" applyFill="1" applyBorder="1" applyAlignment="1">
      <alignment horizontal="left" vertical="center" wrapText="1"/>
    </xf>
    <xf numFmtId="0" fontId="14" fillId="6" borderId="0" xfId="0" applyFont="1" applyFill="1" applyBorder="1" applyAlignment="1">
      <alignment horizontal="justify" vertical="center"/>
    </xf>
    <xf numFmtId="0" fontId="4" fillId="6" borderId="12" xfId="0" applyFont="1" applyFill="1" applyBorder="1" applyAlignment="1">
      <alignment horizontal="left" vertical="center" wrapText="1"/>
    </xf>
    <xf numFmtId="0" fontId="4" fillId="0" borderId="48" xfId="0" applyFont="1" applyFill="1" applyBorder="1" applyAlignment="1">
      <alignment horizontal="left" vertical="center" wrapText="1"/>
    </xf>
    <xf numFmtId="49" fontId="2" fillId="0" borderId="23" xfId="0" applyNumberFormat="1" applyFont="1" applyFill="1" applyBorder="1" applyAlignment="1">
      <alignment horizontal="right" vertical="center" wrapText="1"/>
    </xf>
    <xf numFmtId="49" fontId="2" fillId="0" borderId="12" xfId="0" applyNumberFormat="1" applyFont="1" applyFill="1" applyBorder="1" applyAlignment="1">
      <alignment horizontal="center" vertical="center" wrapText="1"/>
    </xf>
    <xf numFmtId="0" fontId="4" fillId="6" borderId="24" xfId="0" applyFont="1" applyFill="1" applyBorder="1" applyAlignment="1">
      <alignment horizontal="left" vertical="center" wrapText="1"/>
    </xf>
    <xf numFmtId="49" fontId="2" fillId="0" borderId="21" xfId="0" applyNumberFormat="1" applyFont="1" applyFill="1" applyBorder="1" applyAlignment="1">
      <alignment horizontal="center" vertical="center" wrapText="1"/>
    </xf>
    <xf numFmtId="49" fontId="2" fillId="0" borderId="47" xfId="0" applyNumberFormat="1" applyFont="1" applyFill="1" applyBorder="1" applyAlignment="1">
      <alignment horizontal="right" vertical="center" wrapText="1"/>
    </xf>
    <xf numFmtId="49" fontId="2" fillId="0" borderId="51" xfId="0" applyNumberFormat="1" applyFont="1" applyFill="1" applyBorder="1" applyAlignment="1">
      <alignment horizontal="center" vertical="center" wrapText="1"/>
    </xf>
    <xf numFmtId="49" fontId="2" fillId="0" borderId="52" xfId="0" applyNumberFormat="1" applyFont="1" applyFill="1" applyBorder="1" applyAlignment="1">
      <alignment horizontal="right" vertical="center" wrapText="1"/>
    </xf>
    <xf numFmtId="0" fontId="2" fillId="0" borderId="39" xfId="0" applyFont="1" applyFill="1" applyBorder="1" applyAlignment="1">
      <alignment horizontal="left" vertical="center" wrapText="1"/>
    </xf>
    <xf numFmtId="0" fontId="2" fillId="0" borderId="37" xfId="0" applyFont="1" applyFill="1" applyBorder="1" applyAlignment="1">
      <alignment horizontal="left" vertical="center" wrapText="1"/>
    </xf>
    <xf numFmtId="0" fontId="2" fillId="0" borderId="53" xfId="0" applyFont="1" applyFill="1" applyBorder="1" applyAlignment="1">
      <alignment horizontal="left" vertical="center" wrapText="1"/>
    </xf>
    <xf numFmtId="0" fontId="2" fillId="0" borderId="54" xfId="0" applyFont="1" applyFill="1" applyBorder="1" applyAlignment="1">
      <alignment horizontal="left" vertical="center" wrapText="1"/>
    </xf>
    <xf numFmtId="49" fontId="2" fillId="0" borderId="47" xfId="0" applyNumberFormat="1" applyFont="1" applyFill="1" applyBorder="1" applyAlignment="1">
      <alignment horizontal="center" vertical="center" wrapText="1"/>
    </xf>
    <xf numFmtId="0" fontId="2" fillId="0" borderId="0" xfId="0" applyFont="1" applyFill="1" applyAlignment="1">
      <alignment horizontal="left" vertical="center" wrapText="1"/>
    </xf>
    <xf numFmtId="0" fontId="3" fillId="2" borderId="17" xfId="0" applyFont="1" applyFill="1" applyBorder="1" applyAlignment="1">
      <alignment horizontal="center" vertical="top" wrapText="1"/>
    </xf>
    <xf numFmtId="0" fontId="3" fillId="2" borderId="2" xfId="0" applyFont="1" applyFill="1" applyBorder="1" applyAlignment="1">
      <alignment horizontal="center" vertical="top" wrapText="1"/>
    </xf>
    <xf numFmtId="0" fontId="3" fillId="4" borderId="0" xfId="0" applyFont="1" applyFill="1" applyAlignment="1">
      <alignment horizontal="center" vertical="center" wrapText="1"/>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49" fontId="3" fillId="0" borderId="41" xfId="0" applyNumberFormat="1" applyFont="1" applyBorder="1" applyAlignment="1">
      <alignment horizontal="left" vertical="center"/>
    </xf>
    <xf numFmtId="49" fontId="3" fillId="0" borderId="6" xfId="0" applyNumberFormat="1" applyFont="1" applyBorder="1" applyAlignment="1">
      <alignment horizontal="left" vertical="center"/>
    </xf>
    <xf numFmtId="49" fontId="3" fillId="0" borderId="26" xfId="0" applyNumberFormat="1" applyFont="1" applyBorder="1" applyAlignment="1">
      <alignment horizontal="left" vertical="center"/>
    </xf>
    <xf numFmtId="49" fontId="3" fillId="6" borderId="41" xfId="0" applyNumberFormat="1" applyFont="1" applyFill="1" applyBorder="1" applyAlignment="1">
      <alignment horizontal="left" vertical="center"/>
    </xf>
    <xf numFmtId="49" fontId="3" fillId="6" borderId="26" xfId="0" applyNumberFormat="1" applyFont="1" applyFill="1" applyBorder="1" applyAlignment="1">
      <alignment horizontal="left" vertical="center"/>
    </xf>
    <xf numFmtId="49" fontId="5" fillId="5" borderId="10" xfId="0" applyNumberFormat="1" applyFont="1" applyFill="1" applyBorder="1" applyAlignment="1">
      <alignment horizontal="left" vertical="center" wrapText="1"/>
    </xf>
    <xf numFmtId="49" fontId="5" fillId="5" borderId="15" xfId="0" applyNumberFormat="1" applyFont="1" applyFill="1" applyBorder="1" applyAlignment="1">
      <alignment horizontal="left" vertical="center" wrapText="1"/>
    </xf>
    <xf numFmtId="49" fontId="5" fillId="5" borderId="11" xfId="0" applyNumberFormat="1" applyFont="1" applyFill="1" applyBorder="1" applyAlignment="1">
      <alignment horizontal="left" vertical="center" wrapText="1"/>
    </xf>
    <xf numFmtId="49" fontId="3" fillId="0" borderId="41" xfId="0" applyNumberFormat="1" applyFont="1" applyBorder="1" applyAlignment="1">
      <alignment horizontal="left" vertical="center" wrapText="1"/>
    </xf>
    <xf numFmtId="49" fontId="3" fillId="0" borderId="40" xfId="0" applyNumberFormat="1" applyFont="1" applyBorder="1" applyAlignment="1">
      <alignment horizontal="left" vertical="center" wrapText="1"/>
    </xf>
    <xf numFmtId="49" fontId="3" fillId="0" borderId="42" xfId="0" applyNumberFormat="1" applyFont="1" applyBorder="1" applyAlignment="1">
      <alignment horizontal="left" vertical="center"/>
    </xf>
    <xf numFmtId="49" fontId="5" fillId="6" borderId="41" xfId="0" applyNumberFormat="1" applyFont="1" applyFill="1" applyBorder="1" applyAlignment="1">
      <alignment horizontal="left" vertical="center" wrapText="1"/>
    </xf>
    <xf numFmtId="49" fontId="3" fillId="6" borderId="26" xfId="0" applyNumberFormat="1" applyFont="1" applyFill="1" applyBorder="1" applyAlignment="1">
      <alignment horizontal="left" vertical="center" wrapText="1"/>
    </xf>
    <xf numFmtId="49" fontId="5" fillId="0" borderId="41" xfId="0" applyNumberFormat="1" applyFont="1" applyBorder="1" applyAlignment="1">
      <alignment horizontal="left" vertical="center"/>
    </xf>
    <xf numFmtId="49" fontId="5" fillId="0" borderId="6" xfId="0" applyNumberFormat="1" applyFont="1" applyBorder="1" applyAlignment="1">
      <alignment horizontal="left" vertical="center"/>
    </xf>
    <xf numFmtId="0" fontId="4" fillId="0" borderId="0" xfId="0" applyFont="1" applyAlignment="1">
      <alignment horizontal="left" vertical="top" wrapText="1"/>
    </xf>
    <xf numFmtId="0" fontId="2" fillId="0" borderId="0" xfId="0" applyFont="1" applyAlignment="1">
      <alignment horizontal="left" wrapText="1"/>
    </xf>
    <xf numFmtId="0" fontId="4" fillId="0" borderId="0" xfId="0" applyNumberFormat="1" applyFont="1" applyFill="1" applyAlignment="1">
      <alignment horizontal="left" vertical="top"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6" borderId="5" xfId="0" applyFont="1" applyFill="1" applyBorder="1" applyAlignment="1">
      <alignment horizontal="left" vertical="center" wrapText="1"/>
    </xf>
    <xf numFmtId="0" fontId="4" fillId="6" borderId="6" xfId="0" applyFont="1" applyFill="1" applyBorder="1" applyAlignment="1">
      <alignment horizontal="left" vertical="center" wrapText="1"/>
    </xf>
    <xf numFmtId="0" fontId="2" fillId="0" borderId="35" xfId="0" applyFont="1" applyFill="1" applyBorder="1" applyAlignment="1">
      <alignment horizontal="center" vertical="center" wrapText="1"/>
    </xf>
    <xf numFmtId="0" fontId="2" fillId="0" borderId="33" xfId="0" applyFont="1" applyFill="1" applyBorder="1" applyAlignment="1">
      <alignment horizontal="center" vertical="center" wrapText="1"/>
    </xf>
    <xf numFmtId="0" fontId="4" fillId="0" borderId="28" xfId="0" applyFont="1" applyFill="1" applyBorder="1" applyAlignment="1">
      <alignment horizontal="left" vertical="center" wrapText="1"/>
    </xf>
    <xf numFmtId="0" fontId="4" fillId="0" borderId="45" xfId="0" applyFont="1" applyFill="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0" fontId="2" fillId="0" borderId="24" xfId="0" applyFont="1" applyFill="1" applyBorder="1" applyAlignment="1">
      <alignment horizontal="center" vertical="center" wrapText="1"/>
    </xf>
    <xf numFmtId="0" fontId="2" fillId="0" borderId="44" xfId="0" applyFont="1" applyFill="1" applyBorder="1" applyAlignment="1">
      <alignment horizontal="center" vertical="center" wrapText="1"/>
    </xf>
    <xf numFmtId="0" fontId="7" fillId="0" borderId="0" xfId="5" applyFont="1" applyAlignment="1">
      <alignment horizontal="center" vertical="top" wrapText="1"/>
    </xf>
    <xf numFmtId="49" fontId="4" fillId="0" borderId="0" xfId="1" applyNumberFormat="1" applyFont="1" applyBorder="1" applyAlignment="1">
      <alignment horizontal="left" vertical="center"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11" fillId="0" borderId="0" xfId="0" applyNumberFormat="1" applyFont="1" applyBorder="1" applyAlignment="1">
      <alignment horizontal="left" wrapText="1"/>
    </xf>
    <xf numFmtId="0" fontId="7" fillId="0" borderId="0" xfId="0" applyNumberFormat="1" applyFont="1" applyBorder="1" applyAlignment="1">
      <alignment horizontal="left" wrapText="1"/>
    </xf>
    <xf numFmtId="0" fontId="7" fillId="0" borderId="0" xfId="0" applyNumberFormat="1" applyFont="1" applyBorder="1" applyAlignment="1">
      <alignment horizontal="left" vertical="center" wrapText="1"/>
    </xf>
    <xf numFmtId="49" fontId="2" fillId="0" borderId="23" xfId="0" applyNumberFormat="1" applyFont="1" applyFill="1" applyBorder="1" applyAlignment="1">
      <alignment horizontal="center" vertical="center" wrapText="1"/>
    </xf>
    <xf numFmtId="49" fontId="2" fillId="0" borderId="50" xfId="0" applyNumberFormat="1" applyFont="1" applyFill="1" applyBorder="1" applyAlignment="1">
      <alignment horizontal="center" vertical="center" wrapText="1"/>
    </xf>
    <xf numFmtId="49" fontId="2" fillId="0" borderId="47" xfId="0" applyNumberFormat="1" applyFont="1" applyFill="1" applyBorder="1" applyAlignment="1">
      <alignment horizontal="center" vertical="center" wrapText="1"/>
    </xf>
    <xf numFmtId="0" fontId="3" fillId="0" borderId="0" xfId="0" applyFont="1" applyAlignment="1">
      <alignment horizontal="center" vertical="center"/>
    </xf>
    <xf numFmtId="0" fontId="2" fillId="0" borderId="0" xfId="0" applyFont="1" applyAlignment="1">
      <alignment horizontal="center" vertical="center" wrapText="1"/>
    </xf>
    <xf numFmtId="0" fontId="2" fillId="0" borderId="0" xfId="0" applyFont="1" applyFill="1" applyAlignment="1">
      <alignment horizontal="center" vertical="top" wrapText="1"/>
    </xf>
    <xf numFmtId="0" fontId="4" fillId="0" borderId="0" xfId="0" applyFont="1" applyFill="1" applyAlignment="1">
      <alignment horizontal="left" vertical="top" wrapText="1"/>
    </xf>
    <xf numFmtId="16" fontId="3"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4" fillId="6" borderId="0" xfId="0" applyFont="1" applyFill="1" applyAlignment="1">
      <alignment horizontal="left" vertical="top" wrapText="1"/>
    </xf>
    <xf numFmtId="0" fontId="4" fillId="0" borderId="34" xfId="0" applyFont="1" applyFill="1" applyBorder="1" applyAlignment="1">
      <alignment horizontal="left" vertical="center" wrapText="1"/>
    </xf>
    <xf numFmtId="0" fontId="4" fillId="0" borderId="42" xfId="0" applyFont="1" applyFill="1" applyBorder="1" applyAlignment="1">
      <alignment horizontal="left" vertical="center" wrapText="1"/>
    </xf>
    <xf numFmtId="0" fontId="2" fillId="0" borderId="46" xfId="0" applyFont="1" applyFill="1" applyBorder="1" applyAlignment="1">
      <alignment horizontal="left" vertical="center" wrapText="1"/>
    </xf>
    <xf numFmtId="0" fontId="7" fillId="0" borderId="55" xfId="0" applyNumberFormat="1" applyFont="1" applyBorder="1" applyAlignment="1">
      <alignment horizontal="center" vertical="center" wrapText="1"/>
    </xf>
    <xf numFmtId="0" fontId="2" fillId="0" borderId="56" xfId="0" applyFont="1" applyFill="1" applyBorder="1" applyAlignment="1">
      <alignment horizontal="left" vertical="center" wrapText="1"/>
    </xf>
    <xf numFmtId="0" fontId="7" fillId="0" borderId="57" xfId="0" applyNumberFormat="1" applyFont="1" applyBorder="1" applyAlignment="1">
      <alignment horizontal="center" vertical="center" wrapText="1"/>
    </xf>
    <xf numFmtId="0" fontId="2" fillId="0" borderId="58" xfId="0" applyFont="1" applyFill="1" applyBorder="1" applyAlignment="1">
      <alignment horizontal="left" vertical="center" wrapText="1"/>
    </xf>
    <xf numFmtId="0" fontId="2" fillId="0" borderId="12" xfId="0" applyFont="1" applyFill="1" applyBorder="1" applyAlignment="1">
      <alignment horizontal="left" vertical="center" wrapText="1"/>
    </xf>
    <xf numFmtId="0" fontId="2" fillId="0" borderId="59" xfId="0"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0" fontId="7" fillId="0" borderId="18" xfId="0" applyNumberFormat="1" applyFont="1" applyBorder="1" applyAlignment="1">
      <alignment horizontal="center" vertical="center" wrapText="1"/>
    </xf>
    <xf numFmtId="0" fontId="2" fillId="0" borderId="60" xfId="0" applyFont="1" applyFill="1" applyBorder="1" applyAlignment="1">
      <alignment horizontal="left" vertical="center" wrapText="1"/>
    </xf>
    <xf numFmtId="0" fontId="2" fillId="0" borderId="44" xfId="0"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32">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checked="Checked"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6</xdr:row>
          <xdr:rowOff>9525</xdr:rowOff>
        </xdr:from>
        <xdr:to>
          <xdr:col>1</xdr:col>
          <xdr:colOff>885825</xdr:colOff>
          <xdr:row>36</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7</xdr:row>
          <xdr:rowOff>0</xdr:rowOff>
        </xdr:from>
        <xdr:to>
          <xdr:col>1</xdr:col>
          <xdr:colOff>885825</xdr:colOff>
          <xdr:row>37</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B1:F235"/>
  <sheetViews>
    <sheetView showGridLines="0" tabSelected="1" zoomScale="70" zoomScaleNormal="70" workbookViewId="0">
      <selection activeCell="L198" sqref="L198"/>
    </sheetView>
  </sheetViews>
  <sheetFormatPr defaultRowHeight="12.75" x14ac:dyDescent="0.2"/>
  <cols>
    <col min="1" max="1" width="1.85546875" style="1" customWidth="1"/>
    <col min="2" max="2" width="13.5703125" style="1" customWidth="1"/>
    <col min="3" max="3" width="70.42578125" style="1" customWidth="1"/>
    <col min="4" max="4" width="16.42578125" style="8" customWidth="1"/>
    <col min="5" max="5" width="31.28515625" style="8" customWidth="1"/>
    <col min="6" max="6" width="17.140625" style="1" customWidth="1"/>
    <col min="7" max="7" width="9.140625" style="1"/>
    <col min="8" max="8" width="9.140625" style="1" customWidth="1"/>
    <col min="9" max="16384" width="9.140625" style="1"/>
  </cols>
  <sheetData>
    <row r="1" spans="2:6" ht="24" customHeight="1" x14ac:dyDescent="0.2">
      <c r="B1" s="180" t="s">
        <v>41</v>
      </c>
      <c r="C1" s="180"/>
      <c r="D1" s="180"/>
      <c r="E1" s="180"/>
      <c r="F1" s="180"/>
    </row>
    <row r="2" spans="2:6" ht="27.75" customHeight="1" x14ac:dyDescent="0.2">
      <c r="B2" s="181" t="s">
        <v>39</v>
      </c>
      <c r="C2" s="181"/>
      <c r="D2" s="181"/>
      <c r="E2" s="181"/>
      <c r="F2" s="181"/>
    </row>
    <row r="3" spans="2:6" ht="54.75" customHeight="1" x14ac:dyDescent="0.2">
      <c r="B3" s="182" t="s">
        <v>45</v>
      </c>
      <c r="C3" s="182"/>
      <c r="D3" s="182"/>
      <c r="E3" s="182"/>
      <c r="F3" s="182"/>
    </row>
    <row r="4" spans="2:6" ht="24.95" customHeight="1" x14ac:dyDescent="0.2">
      <c r="B4" s="39" t="s">
        <v>44</v>
      </c>
      <c r="C4" s="40"/>
      <c r="D4" s="36"/>
      <c r="E4" s="36"/>
    </row>
    <row r="5" spans="2:6" ht="24.95" customHeight="1" x14ac:dyDescent="0.2">
      <c r="B5" s="39" t="s">
        <v>42</v>
      </c>
      <c r="C5" s="41"/>
      <c r="D5" s="36"/>
      <c r="E5" s="36"/>
    </row>
    <row r="6" spans="2:6" ht="5.0999999999999996" customHeight="1" x14ac:dyDescent="0.2">
      <c r="B6" s="36"/>
      <c r="C6" s="36"/>
      <c r="D6" s="36"/>
      <c r="E6" s="36"/>
    </row>
    <row r="7" spans="2:6" s="2" customFormat="1" ht="20.100000000000001" customHeight="1" x14ac:dyDescent="0.25">
      <c r="B7" s="132" t="s">
        <v>4</v>
      </c>
      <c r="C7" s="132"/>
      <c r="D7" s="132"/>
      <c r="E7" s="132"/>
      <c r="F7" s="132"/>
    </row>
    <row r="8" spans="2:6" s="2" customFormat="1" ht="20.100000000000001" customHeight="1" x14ac:dyDescent="0.25">
      <c r="B8" s="184" t="s">
        <v>8</v>
      </c>
      <c r="C8" s="184"/>
      <c r="D8" s="184"/>
      <c r="E8" s="184"/>
    </row>
    <row r="9" spans="2:6" ht="24.95" customHeight="1" x14ac:dyDescent="0.2">
      <c r="B9" s="154" t="s">
        <v>230</v>
      </c>
      <c r="C9" s="154"/>
      <c r="D9" s="154"/>
      <c r="E9" s="154"/>
    </row>
    <row r="10" spans="2:6" ht="4.5" customHeight="1" x14ac:dyDescent="0.2">
      <c r="B10" s="38"/>
      <c r="C10" s="38"/>
      <c r="D10" s="38"/>
      <c r="E10" s="38"/>
    </row>
    <row r="11" spans="2:6" s="2" customFormat="1" ht="20.100000000000001" customHeight="1" x14ac:dyDescent="0.25">
      <c r="B11" s="185" t="s">
        <v>9</v>
      </c>
      <c r="C11" s="185"/>
      <c r="D11" s="185"/>
      <c r="E11" s="185"/>
    </row>
    <row r="12" spans="2:6" s="2" customFormat="1" ht="20.100000000000001" customHeight="1" x14ac:dyDescent="0.25">
      <c r="B12" s="186" t="s">
        <v>159</v>
      </c>
      <c r="C12" s="186"/>
      <c r="D12" s="186"/>
      <c r="E12" s="45"/>
    </row>
    <row r="13" spans="2:6" s="3" customFormat="1" ht="20.100000000000001" customHeight="1" x14ac:dyDescent="0.25">
      <c r="B13" s="183" t="s">
        <v>153</v>
      </c>
      <c r="C13" s="183"/>
      <c r="D13" s="183"/>
      <c r="E13" s="19"/>
    </row>
    <row r="14" spans="2:6" ht="4.5" customHeight="1" x14ac:dyDescent="0.2">
      <c r="B14" s="46"/>
      <c r="C14" s="46"/>
      <c r="D14" s="46"/>
      <c r="E14" s="38"/>
    </row>
    <row r="15" spans="2:6" ht="20.100000000000001" customHeight="1" x14ac:dyDescent="0.2">
      <c r="B15" s="37" t="s">
        <v>10</v>
      </c>
      <c r="C15" s="20"/>
      <c r="D15" s="20"/>
      <c r="E15" s="21"/>
    </row>
    <row r="16" spans="2:6" s="3" customFormat="1" ht="24.95" customHeight="1" x14ac:dyDescent="0.25">
      <c r="B16" s="152" t="s">
        <v>46</v>
      </c>
      <c r="C16" s="152"/>
      <c r="D16" s="152"/>
      <c r="E16" s="19"/>
    </row>
    <row r="17" spans="2:6" ht="5.0999999999999996" customHeight="1" x14ac:dyDescent="0.2">
      <c r="B17" s="153"/>
      <c r="C17" s="153"/>
      <c r="D17" s="153"/>
    </row>
    <row r="18" spans="2:6" s="2" customFormat="1" ht="20.100000000000001" customHeight="1" x14ac:dyDescent="0.25">
      <c r="B18" s="132" t="s">
        <v>17</v>
      </c>
      <c r="C18" s="132"/>
      <c r="D18" s="132"/>
      <c r="E18" s="132"/>
      <c r="F18" s="132"/>
    </row>
    <row r="19" spans="2:6" ht="42.75" customHeight="1" x14ac:dyDescent="0.2">
      <c r="B19" s="154" t="s">
        <v>230</v>
      </c>
      <c r="C19" s="154"/>
      <c r="D19" s="154"/>
      <c r="E19" s="154"/>
    </row>
    <row r="20" spans="2:6" ht="5.0999999999999996" customHeight="1" x14ac:dyDescent="0.2">
      <c r="B20" s="153"/>
      <c r="C20" s="153"/>
      <c r="D20" s="153"/>
    </row>
    <row r="21" spans="2:6" s="2" customFormat="1" ht="20.100000000000001" customHeight="1" x14ac:dyDescent="0.25">
      <c r="B21" s="132" t="s">
        <v>18</v>
      </c>
      <c r="C21" s="132"/>
      <c r="D21" s="132"/>
      <c r="E21" s="132"/>
      <c r="F21" s="132"/>
    </row>
    <row r="22" spans="2:6" s="9" customFormat="1" ht="20.100000000000001" customHeight="1" x14ac:dyDescent="0.25">
      <c r="B22" s="155" t="s">
        <v>5</v>
      </c>
      <c r="C22" s="155"/>
      <c r="D22" s="155"/>
      <c r="E22" s="155"/>
    </row>
    <row r="23" spans="2:6" s="9" customFormat="1" ht="20.100000000000001" customHeight="1" x14ac:dyDescent="0.25">
      <c r="B23" s="158" t="s">
        <v>13</v>
      </c>
      <c r="C23" s="159"/>
      <c r="D23" s="14"/>
      <c r="E23" s="14"/>
    </row>
    <row r="24" spans="2:6" s="9" customFormat="1" ht="20.100000000000001" customHeight="1" x14ac:dyDescent="0.25">
      <c r="B24" s="13"/>
      <c r="C24" s="129" t="s">
        <v>233</v>
      </c>
      <c r="D24" s="129"/>
      <c r="E24" s="14"/>
    </row>
    <row r="25" spans="2:6" s="9" customFormat="1" ht="20.100000000000001" customHeight="1" x14ac:dyDescent="0.25">
      <c r="B25" s="13"/>
      <c r="C25" s="13" t="s">
        <v>16</v>
      </c>
      <c r="D25" s="14"/>
      <c r="E25" s="14"/>
    </row>
    <row r="26" spans="2:6" s="9" customFormat="1" ht="20.100000000000001" customHeight="1" x14ac:dyDescent="0.25">
      <c r="B26" s="158" t="s">
        <v>152</v>
      </c>
      <c r="C26" s="159"/>
      <c r="D26" s="14"/>
      <c r="E26" s="14"/>
    </row>
    <row r="27" spans="2:6" s="9" customFormat="1" ht="42" customHeight="1" x14ac:dyDescent="0.25">
      <c r="B27" s="17" t="s">
        <v>14</v>
      </c>
      <c r="C27" s="156" t="s">
        <v>192</v>
      </c>
      <c r="D27" s="157"/>
      <c r="E27" s="18" t="s">
        <v>228</v>
      </c>
      <c r="F27" s="18" t="s">
        <v>193</v>
      </c>
    </row>
    <row r="28" spans="2:6" s="9" customFormat="1" ht="35.1" customHeight="1" x14ac:dyDescent="0.25">
      <c r="B28" s="168" t="s">
        <v>229</v>
      </c>
      <c r="C28" s="166" t="s">
        <v>163</v>
      </c>
      <c r="D28" s="167"/>
      <c r="E28" s="70" t="s">
        <v>1</v>
      </c>
      <c r="F28" s="96">
        <v>240</v>
      </c>
    </row>
    <row r="29" spans="2:6" s="9" customFormat="1" ht="35.1" customHeight="1" x14ac:dyDescent="0.25">
      <c r="B29" s="162"/>
      <c r="C29" s="166" t="s">
        <v>182</v>
      </c>
      <c r="D29" s="167"/>
      <c r="E29" s="70" t="s">
        <v>1</v>
      </c>
      <c r="F29" s="96">
        <v>480</v>
      </c>
    </row>
    <row r="30" spans="2:6" s="9" customFormat="1" ht="35.1" customHeight="1" thickBot="1" x14ac:dyDescent="0.3">
      <c r="B30" s="169"/>
      <c r="C30" s="164" t="s">
        <v>181</v>
      </c>
      <c r="D30" s="165"/>
      <c r="E30" s="94" t="s">
        <v>1</v>
      </c>
      <c r="F30" s="106">
        <v>2570</v>
      </c>
    </row>
    <row r="31" spans="2:6" s="9" customFormat="1" ht="35.1" customHeight="1" x14ac:dyDescent="0.25">
      <c r="B31" s="162" t="s">
        <v>231</v>
      </c>
      <c r="C31" s="187" t="s">
        <v>169</v>
      </c>
      <c r="D31" s="188"/>
      <c r="E31" s="93" t="s">
        <v>1</v>
      </c>
      <c r="F31" s="97">
        <v>88</v>
      </c>
    </row>
    <row r="32" spans="2:6" s="9" customFormat="1" ht="35.1" customHeight="1" x14ac:dyDescent="0.25">
      <c r="B32" s="162"/>
      <c r="C32" s="166" t="s">
        <v>178</v>
      </c>
      <c r="D32" s="167"/>
      <c r="E32" s="70" t="s">
        <v>1</v>
      </c>
      <c r="F32" s="96">
        <v>22</v>
      </c>
    </row>
    <row r="33" spans="2:6" s="9" customFormat="1" ht="35.1" customHeight="1" x14ac:dyDescent="0.25">
      <c r="B33" s="162"/>
      <c r="C33" s="67" t="s">
        <v>183</v>
      </c>
      <c r="D33" s="68"/>
      <c r="E33" s="70" t="s">
        <v>1</v>
      </c>
      <c r="F33" s="96">
        <v>176</v>
      </c>
    </row>
    <row r="34" spans="2:6" s="9" customFormat="1" ht="35.1" customHeight="1" x14ac:dyDescent="0.25">
      <c r="B34" s="163"/>
      <c r="C34" s="160" t="s">
        <v>160</v>
      </c>
      <c r="D34" s="161"/>
      <c r="E34" s="16" t="s">
        <v>1</v>
      </c>
      <c r="F34" s="96">
        <v>110</v>
      </c>
    </row>
    <row r="35" spans="2:6" s="9" customFormat="1" ht="4.5" customHeight="1" x14ac:dyDescent="0.25">
      <c r="B35" s="14"/>
      <c r="C35" s="14"/>
      <c r="D35" s="14"/>
      <c r="E35" s="14"/>
    </row>
    <row r="36" spans="2:6" s="9" customFormat="1" ht="20.100000000000001" customHeight="1" x14ac:dyDescent="0.25">
      <c r="B36" s="158" t="s">
        <v>15</v>
      </c>
      <c r="C36" s="159"/>
      <c r="D36" s="14"/>
      <c r="E36" s="14"/>
    </row>
    <row r="37" spans="2:6" s="9" customFormat="1" ht="20.100000000000001" customHeight="1" x14ac:dyDescent="0.2">
      <c r="B37" s="10"/>
      <c r="C37" s="9" t="s">
        <v>2</v>
      </c>
      <c r="D37" s="14"/>
      <c r="E37" s="14"/>
    </row>
    <row r="38" spans="2:6" s="9" customFormat="1" ht="20.100000000000001" customHeight="1" x14ac:dyDescent="0.25">
      <c r="B38" s="13"/>
      <c r="C38" s="2" t="s">
        <v>3</v>
      </c>
      <c r="D38" s="14"/>
      <c r="E38" s="14"/>
    </row>
    <row r="39" spans="2:6" ht="5.0999999999999996" customHeight="1" x14ac:dyDescent="0.2"/>
    <row r="40" spans="2:6" s="2" customFormat="1" ht="20.100000000000001" customHeight="1" x14ac:dyDescent="0.25">
      <c r="B40" s="132" t="s">
        <v>19</v>
      </c>
      <c r="C40" s="132"/>
      <c r="D40" s="132"/>
      <c r="E40" s="132"/>
      <c r="F40" s="132"/>
    </row>
    <row r="41" spans="2:6" s="2" customFormat="1" ht="5.0999999999999996" customHeight="1" thickBot="1" x14ac:dyDescent="0.3">
      <c r="B41" s="15"/>
      <c r="D41" s="6"/>
      <c r="E41" s="6"/>
    </row>
    <row r="42" spans="2:6" s="3" customFormat="1" ht="78.75" customHeight="1" x14ac:dyDescent="0.25">
      <c r="B42" s="133" t="s">
        <v>0</v>
      </c>
      <c r="C42" s="134"/>
      <c r="D42" s="130" t="s">
        <v>20</v>
      </c>
      <c r="E42" s="131"/>
      <c r="F42" s="22"/>
    </row>
    <row r="43" spans="2:6" s="3" customFormat="1" ht="35.25" customHeight="1" thickBot="1" x14ac:dyDescent="0.3">
      <c r="B43" s="135"/>
      <c r="C43" s="136"/>
      <c r="D43" s="23" t="s">
        <v>21</v>
      </c>
      <c r="E43" s="66" t="s">
        <v>22</v>
      </c>
    </row>
    <row r="44" spans="2:6" s="24" customFormat="1" ht="30.75" customHeight="1" x14ac:dyDescent="0.25">
      <c r="B44" s="142" t="s">
        <v>162</v>
      </c>
      <c r="C44" s="143"/>
      <c r="D44" s="143"/>
      <c r="E44" s="144"/>
    </row>
    <row r="45" spans="2:6" s="4" customFormat="1" ht="29.25" customHeight="1" x14ac:dyDescent="0.25">
      <c r="B45" s="145" t="s">
        <v>163</v>
      </c>
      <c r="C45" s="138"/>
      <c r="D45" s="49"/>
      <c r="E45" s="58"/>
    </row>
    <row r="46" spans="2:6" s="4" customFormat="1" ht="29.25" customHeight="1" x14ac:dyDescent="0.25">
      <c r="B46" s="43" t="s">
        <v>11</v>
      </c>
      <c r="C46" s="42" t="s">
        <v>130</v>
      </c>
      <c r="D46" s="49"/>
      <c r="E46" s="58"/>
    </row>
    <row r="47" spans="2:6" s="4" customFormat="1" ht="29.25" customHeight="1" x14ac:dyDescent="0.25">
      <c r="B47" s="43" t="s">
        <v>47</v>
      </c>
      <c r="C47" s="42" t="s">
        <v>185</v>
      </c>
      <c r="D47" s="49"/>
      <c r="E47" s="58"/>
    </row>
    <row r="48" spans="2:6" s="4" customFormat="1" ht="29.25" customHeight="1" x14ac:dyDescent="0.25">
      <c r="B48" s="43" t="s">
        <v>48</v>
      </c>
      <c r="C48" s="42" t="s">
        <v>186</v>
      </c>
      <c r="D48" s="49"/>
      <c r="E48" s="58"/>
    </row>
    <row r="49" spans="2:5" s="4" customFormat="1" ht="29.25" customHeight="1" x14ac:dyDescent="0.25">
      <c r="B49" s="43" t="s">
        <v>49</v>
      </c>
      <c r="C49" s="76" t="s">
        <v>69</v>
      </c>
      <c r="D49" s="51"/>
      <c r="E49" s="59"/>
    </row>
    <row r="50" spans="2:5" s="4" customFormat="1" ht="29.25" customHeight="1" x14ac:dyDescent="0.25">
      <c r="B50" s="71" t="s">
        <v>68</v>
      </c>
      <c r="C50" s="72" t="s">
        <v>154</v>
      </c>
      <c r="D50" s="51"/>
      <c r="E50" s="58"/>
    </row>
    <row r="51" spans="2:5" s="4" customFormat="1" ht="29.25" customHeight="1" x14ac:dyDescent="0.25">
      <c r="B51" s="71" t="s">
        <v>70</v>
      </c>
      <c r="C51" s="72" t="s">
        <v>72</v>
      </c>
      <c r="D51" s="74"/>
      <c r="E51" s="58"/>
    </row>
    <row r="52" spans="2:5" s="4" customFormat="1" ht="29.25" customHeight="1" x14ac:dyDescent="0.25">
      <c r="B52" s="71" t="s">
        <v>79</v>
      </c>
      <c r="C52" s="103" t="s">
        <v>76</v>
      </c>
      <c r="D52" s="74"/>
      <c r="E52" s="58"/>
    </row>
    <row r="53" spans="2:5" s="4" customFormat="1" ht="29.25" customHeight="1" x14ac:dyDescent="0.25">
      <c r="B53" s="71" t="s">
        <v>80</v>
      </c>
      <c r="C53" s="72" t="s">
        <v>77</v>
      </c>
      <c r="D53" s="74"/>
      <c r="E53" s="58"/>
    </row>
    <row r="54" spans="2:5" s="4" customFormat="1" ht="29.25" customHeight="1" x14ac:dyDescent="0.25">
      <c r="B54" s="71" t="s">
        <v>81</v>
      </c>
      <c r="C54" s="82" t="s">
        <v>78</v>
      </c>
      <c r="D54" s="74"/>
      <c r="E54" s="58"/>
    </row>
    <row r="55" spans="2:5" s="4" customFormat="1" ht="29.25" customHeight="1" x14ac:dyDescent="0.25">
      <c r="B55" s="71" t="s">
        <v>82</v>
      </c>
      <c r="C55" s="77" t="s">
        <v>83</v>
      </c>
      <c r="D55" s="74"/>
      <c r="E55" s="58"/>
    </row>
    <row r="56" spans="2:5" s="4" customFormat="1" ht="29.25" customHeight="1" x14ac:dyDescent="0.25">
      <c r="B56" s="71" t="s">
        <v>89</v>
      </c>
      <c r="C56" s="77" t="s">
        <v>84</v>
      </c>
      <c r="D56" s="74"/>
      <c r="E56" s="58"/>
    </row>
    <row r="57" spans="2:5" s="4" customFormat="1" ht="29.25" customHeight="1" x14ac:dyDescent="0.25">
      <c r="B57" s="71" t="s">
        <v>90</v>
      </c>
      <c r="C57" s="77" t="s">
        <v>85</v>
      </c>
      <c r="D57" s="74"/>
      <c r="E57" s="58"/>
    </row>
    <row r="58" spans="2:5" s="4" customFormat="1" ht="29.25" customHeight="1" x14ac:dyDescent="0.25">
      <c r="B58" s="71" t="s">
        <v>91</v>
      </c>
      <c r="C58" s="78" t="s">
        <v>86</v>
      </c>
      <c r="D58" s="74"/>
      <c r="E58" s="58"/>
    </row>
    <row r="59" spans="2:5" s="4" customFormat="1" ht="29.25" customHeight="1" x14ac:dyDescent="0.25">
      <c r="B59" s="71" t="s">
        <v>92</v>
      </c>
      <c r="C59" s="78" t="s">
        <v>87</v>
      </c>
      <c r="D59" s="74"/>
      <c r="E59" s="58"/>
    </row>
    <row r="60" spans="2:5" s="4" customFormat="1" ht="29.25" customHeight="1" x14ac:dyDescent="0.25">
      <c r="B60" s="71" t="s">
        <v>93</v>
      </c>
      <c r="C60" s="82" t="s">
        <v>88</v>
      </c>
      <c r="D60" s="74"/>
      <c r="E60" s="58"/>
    </row>
    <row r="61" spans="2:5" s="4" customFormat="1" ht="29.25" customHeight="1" x14ac:dyDescent="0.25">
      <c r="B61" s="53" t="s">
        <v>50</v>
      </c>
      <c r="C61" s="47" t="s">
        <v>71</v>
      </c>
      <c r="D61" s="49"/>
      <c r="E61" s="58"/>
    </row>
    <row r="62" spans="2:5" s="4" customFormat="1" ht="29.25" customHeight="1" x14ac:dyDescent="0.25">
      <c r="B62" s="43" t="s">
        <v>51</v>
      </c>
      <c r="C62" s="42" t="s">
        <v>94</v>
      </c>
      <c r="D62" s="49"/>
      <c r="E62" s="58"/>
    </row>
    <row r="63" spans="2:5" s="4" customFormat="1" ht="29.25" customHeight="1" x14ac:dyDescent="0.25">
      <c r="B63" s="53" t="s">
        <v>52</v>
      </c>
      <c r="C63" s="42" t="s">
        <v>95</v>
      </c>
      <c r="D63" s="49"/>
      <c r="E63" s="58"/>
    </row>
    <row r="64" spans="2:5" s="4" customFormat="1" ht="29.25" customHeight="1" x14ac:dyDescent="0.25">
      <c r="B64" s="43" t="s">
        <v>53</v>
      </c>
      <c r="C64" s="54" t="s">
        <v>96</v>
      </c>
      <c r="D64" s="55"/>
      <c r="E64" s="83"/>
    </row>
    <row r="65" spans="2:5" s="4" customFormat="1" ht="29.25" customHeight="1" x14ac:dyDescent="0.25">
      <c r="B65" s="53" t="s">
        <v>73</v>
      </c>
      <c r="C65" s="54" t="s">
        <v>97</v>
      </c>
      <c r="D65" s="56"/>
      <c r="E65" s="84"/>
    </row>
    <row r="66" spans="2:5" s="4" customFormat="1" ht="29.25" customHeight="1" x14ac:dyDescent="0.25">
      <c r="B66" s="43" t="s">
        <v>55</v>
      </c>
      <c r="C66" s="47" t="s">
        <v>98</v>
      </c>
      <c r="D66" s="49"/>
      <c r="E66" s="58"/>
    </row>
    <row r="67" spans="2:5" s="4" customFormat="1" ht="29.25" customHeight="1" x14ac:dyDescent="0.25">
      <c r="B67" s="43" t="s">
        <v>56</v>
      </c>
      <c r="C67" s="47" t="s">
        <v>99</v>
      </c>
      <c r="D67" s="49"/>
      <c r="E67" s="58"/>
    </row>
    <row r="68" spans="2:5" s="4" customFormat="1" ht="29.25" customHeight="1" x14ac:dyDescent="0.25">
      <c r="B68" s="53" t="s">
        <v>57</v>
      </c>
      <c r="C68" s="80" t="s">
        <v>100</v>
      </c>
      <c r="D68" s="49"/>
      <c r="E68" s="58"/>
    </row>
    <row r="69" spans="2:5" s="4" customFormat="1" ht="29.25" customHeight="1" x14ac:dyDescent="0.25">
      <c r="B69" s="71" t="s">
        <v>63</v>
      </c>
      <c r="C69" s="47" t="s">
        <v>104</v>
      </c>
      <c r="D69" s="51"/>
      <c r="E69" s="59"/>
    </row>
    <row r="70" spans="2:5" s="4" customFormat="1" ht="29.25" customHeight="1" x14ac:dyDescent="0.25">
      <c r="B70" s="53" t="s">
        <v>58</v>
      </c>
      <c r="C70" s="76" t="s">
        <v>102</v>
      </c>
      <c r="D70" s="49"/>
      <c r="E70" s="58"/>
    </row>
    <row r="71" spans="2:5" s="4" customFormat="1" ht="29.25" customHeight="1" x14ac:dyDescent="0.2">
      <c r="B71" s="71" t="s">
        <v>101</v>
      </c>
      <c r="C71" s="79" t="s">
        <v>103</v>
      </c>
      <c r="D71" s="52"/>
      <c r="E71" s="60"/>
    </row>
    <row r="72" spans="2:5" s="4" customFormat="1" ht="29.25" customHeight="1" x14ac:dyDescent="0.25">
      <c r="B72" s="53" t="s">
        <v>59</v>
      </c>
      <c r="C72" s="47" t="s">
        <v>105</v>
      </c>
      <c r="D72" s="49"/>
      <c r="E72" s="58"/>
    </row>
    <row r="73" spans="2:5" s="4" customFormat="1" ht="29.25" customHeight="1" x14ac:dyDescent="0.25">
      <c r="B73" s="53" t="s">
        <v>60</v>
      </c>
      <c r="C73" s="47" t="s">
        <v>106</v>
      </c>
      <c r="D73" s="49"/>
      <c r="E73" s="58"/>
    </row>
    <row r="74" spans="2:5" s="4" customFormat="1" ht="29.25" customHeight="1" x14ac:dyDescent="0.25">
      <c r="B74" s="53" t="s">
        <v>61</v>
      </c>
      <c r="C74" s="47" t="s">
        <v>107</v>
      </c>
      <c r="D74" s="49"/>
      <c r="E74" s="58"/>
    </row>
    <row r="75" spans="2:5" s="4" customFormat="1" ht="29.25" customHeight="1" x14ac:dyDescent="0.25">
      <c r="B75" s="53" t="s">
        <v>62</v>
      </c>
      <c r="C75" s="42" t="s">
        <v>108</v>
      </c>
      <c r="D75" s="49"/>
      <c r="E75" s="58"/>
    </row>
    <row r="76" spans="2:5" s="4" customFormat="1" ht="29.25" customHeight="1" x14ac:dyDescent="0.25">
      <c r="B76" s="53" t="s">
        <v>64</v>
      </c>
      <c r="C76" s="42" t="s">
        <v>109</v>
      </c>
      <c r="D76" s="49"/>
      <c r="E76" s="58"/>
    </row>
    <row r="77" spans="2:5" s="4" customFormat="1" ht="30" customHeight="1" x14ac:dyDescent="0.25">
      <c r="B77" s="53" t="s">
        <v>65</v>
      </c>
      <c r="C77" s="42" t="s">
        <v>110</v>
      </c>
      <c r="D77" s="73"/>
      <c r="E77" s="58"/>
    </row>
    <row r="78" spans="2:5" s="4" customFormat="1" ht="40.5" customHeight="1" thickBot="1" x14ac:dyDescent="0.3">
      <c r="B78" s="43" t="s">
        <v>66</v>
      </c>
      <c r="C78" s="100" t="s">
        <v>166</v>
      </c>
      <c r="D78" s="85"/>
      <c r="E78" s="58"/>
    </row>
    <row r="79" spans="2:5" s="4" customFormat="1" ht="29.25" customHeight="1" x14ac:dyDescent="0.25">
      <c r="B79" s="146" t="s">
        <v>164</v>
      </c>
      <c r="C79" s="147"/>
      <c r="D79" s="74"/>
      <c r="E79" s="75"/>
    </row>
    <row r="80" spans="2:5" s="4" customFormat="1" ht="30" customHeight="1" x14ac:dyDescent="0.25">
      <c r="B80" s="53" t="s">
        <v>11</v>
      </c>
      <c r="C80" s="47" t="s">
        <v>112</v>
      </c>
      <c r="D80" s="49"/>
      <c r="E80" s="58"/>
    </row>
    <row r="81" spans="2:5" s="4" customFormat="1" ht="30" customHeight="1" x14ac:dyDescent="0.25">
      <c r="B81" s="53" t="s">
        <v>47</v>
      </c>
      <c r="C81" s="47" t="s">
        <v>111</v>
      </c>
      <c r="D81" s="49"/>
      <c r="E81" s="58"/>
    </row>
    <row r="82" spans="2:5" s="4" customFormat="1" ht="30" customHeight="1" x14ac:dyDescent="0.25">
      <c r="B82" s="53" t="s">
        <v>48</v>
      </c>
      <c r="C82" s="47" t="s">
        <v>187</v>
      </c>
      <c r="D82" s="49"/>
      <c r="E82" s="58"/>
    </row>
    <row r="83" spans="2:5" s="4" customFormat="1" ht="30" customHeight="1" x14ac:dyDescent="0.25">
      <c r="B83" s="53" t="s">
        <v>49</v>
      </c>
      <c r="C83" s="80" t="s">
        <v>69</v>
      </c>
      <c r="D83" s="49"/>
      <c r="E83" s="58"/>
    </row>
    <row r="84" spans="2:5" s="4" customFormat="1" ht="30" customHeight="1" x14ac:dyDescent="0.25">
      <c r="B84" s="81" t="s">
        <v>68</v>
      </c>
      <c r="C84" s="47" t="s">
        <v>114</v>
      </c>
      <c r="D84" s="49"/>
      <c r="E84" s="58"/>
    </row>
    <row r="85" spans="2:5" s="4" customFormat="1" ht="30" customHeight="1" x14ac:dyDescent="0.25">
      <c r="B85" s="81" t="s">
        <v>70</v>
      </c>
      <c r="C85" s="42" t="s">
        <v>115</v>
      </c>
      <c r="D85" s="49"/>
      <c r="E85" s="58"/>
    </row>
    <row r="86" spans="2:5" s="4" customFormat="1" ht="30" customHeight="1" x14ac:dyDescent="0.25">
      <c r="B86" s="81" t="s">
        <v>79</v>
      </c>
      <c r="C86" s="102" t="s">
        <v>76</v>
      </c>
      <c r="D86" s="49"/>
      <c r="E86" s="58"/>
    </row>
    <row r="87" spans="2:5" s="4" customFormat="1" ht="30" customHeight="1" x14ac:dyDescent="0.25">
      <c r="B87" s="81" t="s">
        <v>80</v>
      </c>
      <c r="C87" s="47" t="s">
        <v>77</v>
      </c>
      <c r="D87" s="49"/>
      <c r="E87" s="58"/>
    </row>
    <row r="88" spans="2:5" s="4" customFormat="1" ht="30" customHeight="1" x14ac:dyDescent="0.25">
      <c r="B88" s="81" t="s">
        <v>81</v>
      </c>
      <c r="C88" s="47" t="s">
        <v>119</v>
      </c>
      <c r="D88" s="49"/>
      <c r="E88" s="58"/>
    </row>
    <row r="89" spans="2:5" s="4" customFormat="1" ht="30" customHeight="1" x14ac:dyDescent="0.25">
      <c r="B89" s="81" t="s">
        <v>82</v>
      </c>
      <c r="C89" s="47" t="s">
        <v>83</v>
      </c>
      <c r="D89" s="49"/>
      <c r="E89" s="58"/>
    </row>
    <row r="90" spans="2:5" s="4" customFormat="1" ht="30" customHeight="1" x14ac:dyDescent="0.25">
      <c r="B90" s="81" t="s">
        <v>89</v>
      </c>
      <c r="C90" s="47" t="s">
        <v>121</v>
      </c>
      <c r="D90" s="49"/>
      <c r="E90" s="58"/>
    </row>
    <row r="91" spans="2:5" s="4" customFormat="1" ht="30" customHeight="1" x14ac:dyDescent="0.25">
      <c r="B91" s="81" t="s">
        <v>90</v>
      </c>
      <c r="C91" s="47" t="s">
        <v>85</v>
      </c>
      <c r="D91" s="49"/>
      <c r="E91" s="58"/>
    </row>
    <row r="92" spans="2:5" s="4" customFormat="1" ht="30" customHeight="1" x14ac:dyDescent="0.25">
      <c r="B92" s="81" t="s">
        <v>91</v>
      </c>
      <c r="C92" s="47" t="s">
        <v>122</v>
      </c>
      <c r="D92" s="49"/>
      <c r="E92" s="58"/>
    </row>
    <row r="93" spans="2:5" s="4" customFormat="1" ht="30" customHeight="1" x14ac:dyDescent="0.25">
      <c r="B93" s="81" t="s">
        <v>92</v>
      </c>
      <c r="C93" s="47" t="s">
        <v>87</v>
      </c>
      <c r="D93" s="49"/>
      <c r="E93" s="58"/>
    </row>
    <row r="94" spans="2:5" s="4" customFormat="1" ht="30" customHeight="1" x14ac:dyDescent="0.25">
      <c r="B94" s="81" t="s">
        <v>93</v>
      </c>
      <c r="C94" s="47" t="s">
        <v>123</v>
      </c>
      <c r="D94" s="49"/>
      <c r="E94" s="58"/>
    </row>
    <row r="95" spans="2:5" s="4" customFormat="1" ht="30" customHeight="1" x14ac:dyDescent="0.25">
      <c r="B95" s="53" t="s">
        <v>50</v>
      </c>
      <c r="C95" s="47" t="s">
        <v>124</v>
      </c>
      <c r="D95" s="49"/>
      <c r="E95" s="58"/>
    </row>
    <row r="96" spans="2:5" s="4" customFormat="1" ht="30" customHeight="1" x14ac:dyDescent="0.25">
      <c r="B96" s="53" t="s">
        <v>143</v>
      </c>
      <c r="C96" s="47" t="s">
        <v>94</v>
      </c>
      <c r="D96" s="49"/>
      <c r="E96" s="58"/>
    </row>
    <row r="97" spans="2:5" s="4" customFormat="1" ht="30" customHeight="1" x14ac:dyDescent="0.25">
      <c r="B97" s="53" t="s">
        <v>125</v>
      </c>
      <c r="C97" s="47" t="s">
        <v>95</v>
      </c>
      <c r="D97" s="49"/>
      <c r="E97" s="58"/>
    </row>
    <row r="98" spans="2:5" s="4" customFormat="1" ht="30" customHeight="1" x14ac:dyDescent="0.25">
      <c r="B98" s="53" t="s">
        <v>126</v>
      </c>
      <c r="C98" s="47" t="s">
        <v>96</v>
      </c>
      <c r="D98" s="49"/>
      <c r="E98" s="58"/>
    </row>
    <row r="99" spans="2:5" s="4" customFormat="1" ht="30" customHeight="1" x14ac:dyDescent="0.25">
      <c r="B99" s="53" t="s">
        <v>73</v>
      </c>
      <c r="C99" s="47" t="s">
        <v>97</v>
      </c>
      <c r="D99" s="49"/>
      <c r="E99" s="58"/>
    </row>
    <row r="100" spans="2:5" s="4" customFormat="1" ht="30" customHeight="1" x14ac:dyDescent="0.25">
      <c r="B100" s="53" t="s">
        <v>74</v>
      </c>
      <c r="C100" s="47" t="s">
        <v>98</v>
      </c>
      <c r="D100" s="49"/>
      <c r="E100" s="58"/>
    </row>
    <row r="101" spans="2:5" s="4" customFormat="1" ht="30" customHeight="1" x14ac:dyDescent="0.25">
      <c r="B101" s="53" t="s">
        <v>75</v>
      </c>
      <c r="C101" s="47" t="s">
        <v>99</v>
      </c>
      <c r="D101" s="49"/>
      <c r="E101" s="58"/>
    </row>
    <row r="102" spans="2:5" s="4" customFormat="1" ht="30" customHeight="1" x14ac:dyDescent="0.25">
      <c r="B102" s="53" t="s">
        <v>57</v>
      </c>
      <c r="C102" s="80" t="s">
        <v>100</v>
      </c>
      <c r="D102" s="49"/>
      <c r="E102" s="58"/>
    </row>
    <row r="103" spans="2:5" s="4" customFormat="1" ht="30" customHeight="1" x14ac:dyDescent="0.25">
      <c r="B103" s="81" t="s">
        <v>63</v>
      </c>
      <c r="C103" s="47" t="s">
        <v>188</v>
      </c>
      <c r="D103" s="49"/>
      <c r="E103" s="58"/>
    </row>
    <row r="104" spans="2:5" s="4" customFormat="1" ht="30" customHeight="1" x14ac:dyDescent="0.25">
      <c r="B104" s="53" t="s">
        <v>58</v>
      </c>
      <c r="C104" s="47" t="s">
        <v>128</v>
      </c>
      <c r="D104" s="49"/>
      <c r="E104" s="58"/>
    </row>
    <row r="105" spans="2:5" s="4" customFormat="1" ht="30" customHeight="1" x14ac:dyDescent="0.25">
      <c r="B105" s="81" t="s">
        <v>101</v>
      </c>
      <c r="C105" s="47" t="s">
        <v>129</v>
      </c>
      <c r="D105" s="49"/>
      <c r="E105" s="58"/>
    </row>
    <row r="106" spans="2:5" s="4" customFormat="1" ht="30" customHeight="1" x14ac:dyDescent="0.25">
      <c r="B106" s="53" t="s">
        <v>59</v>
      </c>
      <c r="C106" s="47" t="s">
        <v>105</v>
      </c>
      <c r="D106" s="49"/>
      <c r="E106" s="58"/>
    </row>
    <row r="107" spans="2:5" s="4" customFormat="1" ht="30" customHeight="1" x14ac:dyDescent="0.25">
      <c r="B107" s="53" t="s">
        <v>60</v>
      </c>
      <c r="C107" s="47" t="s">
        <v>106</v>
      </c>
      <c r="D107" s="49"/>
      <c r="E107" s="58"/>
    </row>
    <row r="108" spans="2:5" s="4" customFormat="1" ht="30" customHeight="1" x14ac:dyDescent="0.25">
      <c r="B108" s="53" t="s">
        <v>61</v>
      </c>
      <c r="C108" s="47" t="s">
        <v>107</v>
      </c>
      <c r="D108" s="49"/>
      <c r="E108" s="58"/>
    </row>
    <row r="109" spans="2:5" s="4" customFormat="1" ht="30" customHeight="1" x14ac:dyDescent="0.25">
      <c r="B109" s="53" t="s">
        <v>62</v>
      </c>
      <c r="C109" s="47" t="s">
        <v>108</v>
      </c>
      <c r="D109" s="49"/>
      <c r="E109" s="58"/>
    </row>
    <row r="110" spans="2:5" s="4" customFormat="1" ht="30" customHeight="1" x14ac:dyDescent="0.25">
      <c r="B110" s="53" t="s">
        <v>64</v>
      </c>
      <c r="C110" s="47" t="s">
        <v>109</v>
      </c>
      <c r="D110" s="49"/>
      <c r="E110" s="58"/>
    </row>
    <row r="111" spans="2:5" s="4" customFormat="1" ht="30" customHeight="1" x14ac:dyDescent="0.25">
      <c r="B111" s="53" t="s">
        <v>65</v>
      </c>
      <c r="C111" s="42" t="s">
        <v>189</v>
      </c>
      <c r="D111" s="86"/>
      <c r="E111" s="58"/>
    </row>
    <row r="112" spans="2:5" s="4" customFormat="1" ht="45" customHeight="1" x14ac:dyDescent="0.25">
      <c r="B112" s="43" t="s">
        <v>66</v>
      </c>
      <c r="C112" s="100" t="s">
        <v>165</v>
      </c>
      <c r="D112" s="86"/>
      <c r="E112" s="58"/>
    </row>
    <row r="113" spans="2:5" s="4" customFormat="1" ht="29.25" customHeight="1" x14ac:dyDescent="0.25">
      <c r="B113" s="148" t="s">
        <v>184</v>
      </c>
      <c r="C113" s="149"/>
      <c r="D113" s="89"/>
      <c r="E113" s="92"/>
    </row>
    <row r="114" spans="2:5" s="4" customFormat="1" ht="29.25" customHeight="1" x14ac:dyDescent="0.25">
      <c r="B114" s="43" t="s">
        <v>139</v>
      </c>
      <c r="C114" s="101" t="s">
        <v>168</v>
      </c>
      <c r="D114" s="89"/>
      <c r="E114" s="92"/>
    </row>
    <row r="115" spans="2:5" s="4" customFormat="1" ht="29.25" customHeight="1" thickBot="1" x14ac:dyDescent="0.3">
      <c r="B115" s="91" t="s">
        <v>47</v>
      </c>
      <c r="C115" s="88" t="s">
        <v>167</v>
      </c>
      <c r="D115" s="89"/>
      <c r="E115" s="90"/>
    </row>
    <row r="116" spans="2:5" s="4" customFormat="1" ht="29.25" customHeight="1" x14ac:dyDescent="0.25">
      <c r="B116" s="142" t="s">
        <v>232</v>
      </c>
      <c r="C116" s="143"/>
      <c r="D116" s="143"/>
      <c r="E116" s="144"/>
    </row>
    <row r="117" spans="2:5" s="4" customFormat="1" ht="29.25" customHeight="1" x14ac:dyDescent="0.25">
      <c r="B117" s="150" t="s">
        <v>169</v>
      </c>
      <c r="C117" s="151"/>
      <c r="D117" s="86"/>
      <c r="E117" s="87"/>
    </row>
    <row r="118" spans="2:5" s="4" customFormat="1" ht="29.25" customHeight="1" x14ac:dyDescent="0.25">
      <c r="B118" s="53" t="s">
        <v>139</v>
      </c>
      <c r="C118" s="47" t="s">
        <v>131</v>
      </c>
      <c r="D118" s="86"/>
      <c r="E118" s="87"/>
    </row>
    <row r="119" spans="2:5" s="4" customFormat="1" ht="29.25" customHeight="1" x14ac:dyDescent="0.25">
      <c r="B119" s="53" t="s">
        <v>47</v>
      </c>
      <c r="C119" s="47" t="s">
        <v>132</v>
      </c>
      <c r="D119" s="86"/>
      <c r="E119" s="87"/>
    </row>
    <row r="120" spans="2:5" s="4" customFormat="1" ht="29.25" customHeight="1" x14ac:dyDescent="0.25">
      <c r="B120" s="53" t="s">
        <v>140</v>
      </c>
      <c r="C120" s="47" t="s">
        <v>133</v>
      </c>
      <c r="D120" s="86"/>
      <c r="E120" s="87"/>
    </row>
    <row r="121" spans="2:5" s="4" customFormat="1" ht="29.25" customHeight="1" x14ac:dyDescent="0.25">
      <c r="B121" s="53" t="s">
        <v>141</v>
      </c>
      <c r="C121" s="47" t="s">
        <v>134</v>
      </c>
      <c r="D121" s="86"/>
      <c r="E121" s="87"/>
    </row>
    <row r="122" spans="2:5" s="4" customFormat="1" ht="29.25" customHeight="1" x14ac:dyDescent="0.25">
      <c r="B122" s="53" t="s">
        <v>142</v>
      </c>
      <c r="C122" s="47" t="s">
        <v>135</v>
      </c>
      <c r="D122" s="86"/>
      <c r="E122" s="87"/>
    </row>
    <row r="123" spans="2:5" s="4" customFormat="1" ht="29.25" customHeight="1" x14ac:dyDescent="0.25">
      <c r="B123" s="53" t="s">
        <v>143</v>
      </c>
      <c r="C123" s="47" t="s">
        <v>136</v>
      </c>
      <c r="D123" s="86"/>
      <c r="E123" s="87"/>
    </row>
    <row r="124" spans="2:5" s="4" customFormat="1" ht="29.25" customHeight="1" x14ac:dyDescent="0.25">
      <c r="B124" s="53" t="s">
        <v>125</v>
      </c>
      <c r="C124" s="47" t="s">
        <v>137</v>
      </c>
      <c r="D124" s="86"/>
      <c r="E124" s="87"/>
    </row>
    <row r="125" spans="2:5" s="4" customFormat="1" ht="29.25" customHeight="1" x14ac:dyDescent="0.25">
      <c r="B125" s="53" t="s">
        <v>126</v>
      </c>
      <c r="C125" s="47" t="s">
        <v>138</v>
      </c>
      <c r="D125" s="86"/>
      <c r="E125" s="87"/>
    </row>
    <row r="126" spans="2:5" s="4" customFormat="1" ht="29.25" customHeight="1" x14ac:dyDescent="0.25">
      <c r="B126" s="53" t="s">
        <v>73</v>
      </c>
      <c r="C126" s="47" t="s">
        <v>144</v>
      </c>
      <c r="D126" s="86"/>
      <c r="E126" s="87"/>
    </row>
    <row r="127" spans="2:5" s="4" customFormat="1" ht="29.25" customHeight="1" x14ac:dyDescent="0.25">
      <c r="B127" s="53" t="s">
        <v>74</v>
      </c>
      <c r="C127" s="47" t="s">
        <v>145</v>
      </c>
      <c r="D127" s="86"/>
      <c r="E127" s="87"/>
    </row>
    <row r="128" spans="2:5" s="4" customFormat="1" ht="29.25" customHeight="1" x14ac:dyDescent="0.25">
      <c r="B128" s="53" t="s">
        <v>75</v>
      </c>
      <c r="C128" s="104" t="s">
        <v>190</v>
      </c>
      <c r="D128" s="86"/>
      <c r="E128" s="87"/>
    </row>
    <row r="129" spans="2:5" s="4" customFormat="1" ht="29.25" customHeight="1" x14ac:dyDescent="0.25">
      <c r="B129" s="81" t="s">
        <v>127</v>
      </c>
      <c r="C129" s="105" t="s">
        <v>170</v>
      </c>
      <c r="D129" s="86"/>
      <c r="E129" s="87"/>
    </row>
    <row r="130" spans="2:5" s="4" customFormat="1" ht="29.25" customHeight="1" x14ac:dyDescent="0.25">
      <c r="B130" s="81" t="s">
        <v>155</v>
      </c>
      <c r="C130" s="105" t="s">
        <v>171</v>
      </c>
      <c r="D130" s="86"/>
      <c r="E130" s="87"/>
    </row>
    <row r="131" spans="2:5" s="4" customFormat="1" ht="29.25" customHeight="1" x14ac:dyDescent="0.25">
      <c r="B131" s="81" t="s">
        <v>156</v>
      </c>
      <c r="C131" s="105" t="s">
        <v>191</v>
      </c>
      <c r="D131" s="86"/>
      <c r="E131" s="87"/>
    </row>
    <row r="132" spans="2:5" s="4" customFormat="1" ht="29.25" customHeight="1" x14ac:dyDescent="0.25">
      <c r="B132" s="81" t="s">
        <v>157</v>
      </c>
      <c r="C132" s="105" t="s">
        <v>172</v>
      </c>
      <c r="D132" s="86"/>
      <c r="E132" s="87"/>
    </row>
    <row r="133" spans="2:5" s="4" customFormat="1" ht="51" customHeight="1" x14ac:dyDescent="0.25">
      <c r="B133" s="53" t="s">
        <v>57</v>
      </c>
      <c r="C133" s="105" t="s">
        <v>173</v>
      </c>
      <c r="D133" s="86"/>
      <c r="E133" s="87"/>
    </row>
    <row r="134" spans="2:5" s="4" customFormat="1" ht="29.25" customHeight="1" x14ac:dyDescent="0.25">
      <c r="B134" s="137" t="s">
        <v>178</v>
      </c>
      <c r="C134" s="138"/>
      <c r="D134" s="86"/>
      <c r="E134" s="87"/>
    </row>
    <row r="135" spans="2:5" s="4" customFormat="1" ht="29.25" customHeight="1" x14ac:dyDescent="0.25">
      <c r="B135" s="53" t="s">
        <v>139</v>
      </c>
      <c r="C135" s="47" t="s">
        <v>146</v>
      </c>
      <c r="D135" s="86"/>
      <c r="E135" s="87"/>
    </row>
    <row r="136" spans="2:5" s="4" customFormat="1" ht="29.25" customHeight="1" x14ac:dyDescent="0.25">
      <c r="B136" s="53" t="s">
        <v>47</v>
      </c>
      <c r="C136" s="47" t="s">
        <v>147</v>
      </c>
      <c r="D136" s="86"/>
      <c r="E136" s="87"/>
    </row>
    <row r="137" spans="2:5" s="4" customFormat="1" ht="29.25" customHeight="1" x14ac:dyDescent="0.25">
      <c r="B137" s="53" t="s">
        <v>140</v>
      </c>
      <c r="C137" s="47" t="s">
        <v>148</v>
      </c>
      <c r="D137" s="86"/>
      <c r="E137" s="87"/>
    </row>
    <row r="138" spans="2:5" s="4" customFormat="1" ht="29.25" customHeight="1" x14ac:dyDescent="0.25">
      <c r="B138" s="53" t="s">
        <v>141</v>
      </c>
      <c r="C138" s="47" t="s">
        <v>134</v>
      </c>
      <c r="D138" s="86"/>
      <c r="E138" s="87"/>
    </row>
    <row r="139" spans="2:5" s="4" customFormat="1" ht="29.25" customHeight="1" x14ac:dyDescent="0.25">
      <c r="B139" s="53" t="s">
        <v>142</v>
      </c>
      <c r="C139" s="47" t="s">
        <v>149</v>
      </c>
      <c r="D139" s="86"/>
      <c r="E139" s="87"/>
    </row>
    <row r="140" spans="2:5" s="4" customFormat="1" ht="29.25" customHeight="1" x14ac:dyDescent="0.25">
      <c r="B140" s="53" t="s">
        <v>143</v>
      </c>
      <c r="C140" s="47" t="s">
        <v>150</v>
      </c>
      <c r="D140" s="86"/>
      <c r="E140" s="87"/>
    </row>
    <row r="141" spans="2:5" s="4" customFormat="1" ht="29.25" customHeight="1" x14ac:dyDescent="0.25">
      <c r="B141" s="53" t="s">
        <v>125</v>
      </c>
      <c r="C141" s="47" t="s">
        <v>137</v>
      </c>
      <c r="D141" s="86"/>
      <c r="E141" s="87"/>
    </row>
    <row r="142" spans="2:5" s="4" customFormat="1" ht="29.25" customHeight="1" x14ac:dyDescent="0.25">
      <c r="B142" s="53" t="s">
        <v>126</v>
      </c>
      <c r="C142" s="47" t="s">
        <v>151</v>
      </c>
      <c r="D142" s="86"/>
      <c r="E142" s="87"/>
    </row>
    <row r="143" spans="2:5" s="4" customFormat="1" ht="29.25" customHeight="1" x14ac:dyDescent="0.25">
      <c r="B143" s="53" t="s">
        <v>73</v>
      </c>
      <c r="C143" s="47" t="s">
        <v>144</v>
      </c>
      <c r="D143" s="86"/>
      <c r="E143" s="87"/>
    </row>
    <row r="144" spans="2:5" s="4" customFormat="1" ht="29.25" customHeight="1" x14ac:dyDescent="0.25">
      <c r="B144" s="53" t="s">
        <v>74</v>
      </c>
      <c r="C144" s="47" t="s">
        <v>145</v>
      </c>
      <c r="D144" s="86"/>
      <c r="E144" s="87"/>
    </row>
    <row r="145" spans="2:6" s="4" customFormat="1" ht="29.25" customHeight="1" x14ac:dyDescent="0.25">
      <c r="B145" s="53" t="s">
        <v>75</v>
      </c>
      <c r="C145" s="104" t="s">
        <v>158</v>
      </c>
      <c r="D145" s="86"/>
      <c r="E145" s="87"/>
    </row>
    <row r="146" spans="2:6" s="4" customFormat="1" ht="29.25" customHeight="1" x14ac:dyDescent="0.25">
      <c r="B146" s="81" t="s">
        <v>127</v>
      </c>
      <c r="C146" s="105" t="s">
        <v>174</v>
      </c>
      <c r="D146" s="86"/>
      <c r="E146" s="87"/>
    </row>
    <row r="147" spans="2:6" s="4" customFormat="1" ht="29.25" customHeight="1" x14ac:dyDescent="0.25">
      <c r="B147" s="81" t="s">
        <v>155</v>
      </c>
      <c r="C147" s="105" t="s">
        <v>175</v>
      </c>
      <c r="D147" s="86"/>
      <c r="E147" s="87"/>
    </row>
    <row r="148" spans="2:6" s="4" customFormat="1" ht="29.25" customHeight="1" x14ac:dyDescent="0.25">
      <c r="B148" s="81" t="s">
        <v>156</v>
      </c>
      <c r="C148" s="105" t="s">
        <v>176</v>
      </c>
      <c r="D148" s="86"/>
      <c r="E148" s="87"/>
    </row>
    <row r="149" spans="2:6" s="4" customFormat="1" ht="29.25" customHeight="1" x14ac:dyDescent="0.25">
      <c r="B149" s="81" t="s">
        <v>157</v>
      </c>
      <c r="C149" s="105" t="s">
        <v>177</v>
      </c>
      <c r="D149" s="86"/>
      <c r="E149" s="87"/>
    </row>
    <row r="150" spans="2:6" s="4" customFormat="1" ht="48" customHeight="1" x14ac:dyDescent="0.25">
      <c r="B150" s="53" t="s">
        <v>57</v>
      </c>
      <c r="C150" s="100" t="s">
        <v>179</v>
      </c>
      <c r="D150" s="86"/>
      <c r="E150" s="87"/>
    </row>
    <row r="151" spans="2:6" s="4" customFormat="1" ht="29.25" customHeight="1" x14ac:dyDescent="0.25">
      <c r="B151" s="137" t="s">
        <v>183</v>
      </c>
      <c r="C151" s="139"/>
      <c r="D151" s="86"/>
      <c r="E151" s="87"/>
    </row>
    <row r="152" spans="2:6" s="4" customFormat="1" ht="29.25" customHeight="1" x14ac:dyDescent="0.25">
      <c r="B152" s="53" t="s">
        <v>11</v>
      </c>
      <c r="C152" s="47" t="s">
        <v>180</v>
      </c>
      <c r="D152" s="86"/>
      <c r="E152" s="87"/>
    </row>
    <row r="153" spans="2:6" s="4" customFormat="1" ht="29.25" customHeight="1" x14ac:dyDescent="0.25">
      <c r="B153" s="140" t="s">
        <v>160</v>
      </c>
      <c r="C153" s="141"/>
      <c r="D153" s="86"/>
      <c r="E153" s="87"/>
    </row>
    <row r="154" spans="2:6" s="4" customFormat="1" ht="29.25" customHeight="1" thickBot="1" x14ac:dyDescent="0.3">
      <c r="B154" s="57" t="s">
        <v>11</v>
      </c>
      <c r="C154" s="107" t="s">
        <v>161</v>
      </c>
      <c r="D154" s="50"/>
      <c r="E154" s="69"/>
    </row>
    <row r="155" spans="2:6" s="3" customFormat="1" ht="6.75" customHeight="1" x14ac:dyDescent="0.25">
      <c r="B155" s="5"/>
      <c r="C155" s="5"/>
      <c r="D155" s="7"/>
      <c r="E155" s="7"/>
    </row>
    <row r="156" spans="2:6" s="2" customFormat="1" ht="20.100000000000001" customHeight="1" x14ac:dyDescent="0.25">
      <c r="B156" s="132" t="s">
        <v>40</v>
      </c>
      <c r="C156" s="132"/>
      <c r="D156" s="132"/>
      <c r="E156" s="132"/>
      <c r="F156" s="132"/>
    </row>
    <row r="157" spans="2:6" s="2" customFormat="1" ht="5.0999999999999996" customHeight="1" thickBot="1" x14ac:dyDescent="0.3">
      <c r="B157" s="15"/>
      <c r="D157" s="6"/>
      <c r="E157" s="6"/>
    </row>
    <row r="158" spans="2:6" s="3" customFormat="1" ht="69" customHeight="1" x14ac:dyDescent="0.25">
      <c r="B158" s="133" t="s">
        <v>7</v>
      </c>
      <c r="C158" s="134"/>
      <c r="D158" s="130" t="s">
        <v>23</v>
      </c>
      <c r="E158" s="131"/>
    </row>
    <row r="159" spans="2:6" s="3" customFormat="1" ht="35.25" customHeight="1" thickBot="1" x14ac:dyDescent="0.3">
      <c r="B159" s="135"/>
      <c r="C159" s="136"/>
      <c r="D159" s="23" t="s">
        <v>6</v>
      </c>
      <c r="E159" s="66" t="s">
        <v>24</v>
      </c>
    </row>
    <row r="160" spans="2:6" s="2" customFormat="1" ht="61.5" customHeight="1" x14ac:dyDescent="0.25">
      <c r="B160" s="95" t="s">
        <v>11</v>
      </c>
      <c r="C160" s="108" t="s">
        <v>194</v>
      </c>
      <c r="D160" s="49"/>
      <c r="E160" s="64"/>
    </row>
    <row r="161" spans="2:5" s="2" customFormat="1" ht="57" customHeight="1" x14ac:dyDescent="0.25">
      <c r="B161" s="48" t="s">
        <v>47</v>
      </c>
      <c r="C161" s="26" t="s">
        <v>195</v>
      </c>
      <c r="D161" s="49"/>
      <c r="E161" s="64"/>
    </row>
    <row r="162" spans="2:5" s="2" customFormat="1" ht="29.25" customHeight="1" x14ac:dyDescent="0.25">
      <c r="B162" s="122" t="s">
        <v>48</v>
      </c>
      <c r="C162" s="109" t="s">
        <v>196</v>
      </c>
      <c r="D162" s="49"/>
      <c r="E162" s="124"/>
    </row>
    <row r="163" spans="2:5" s="2" customFormat="1" ht="29.25" customHeight="1" x14ac:dyDescent="0.25">
      <c r="B163" s="123" t="s">
        <v>113</v>
      </c>
      <c r="C163" s="110" t="s">
        <v>197</v>
      </c>
      <c r="D163" s="49"/>
      <c r="E163" s="126"/>
    </row>
    <row r="164" spans="2:5" s="2" customFormat="1" ht="29.25" customHeight="1" x14ac:dyDescent="0.25">
      <c r="B164" s="123" t="s">
        <v>116</v>
      </c>
      <c r="C164" s="111" t="s">
        <v>198</v>
      </c>
      <c r="D164" s="49"/>
      <c r="E164" s="98"/>
    </row>
    <row r="165" spans="2:5" s="2" customFormat="1" ht="29.25" customHeight="1" x14ac:dyDescent="0.25">
      <c r="B165" s="123" t="s">
        <v>117</v>
      </c>
      <c r="C165" s="112" t="s">
        <v>199</v>
      </c>
      <c r="D165" s="49"/>
      <c r="E165" s="127"/>
    </row>
    <row r="166" spans="2:5" s="2" customFormat="1" ht="42" customHeight="1" x14ac:dyDescent="0.25">
      <c r="B166" s="123" t="s">
        <v>118</v>
      </c>
      <c r="C166" s="112" t="s">
        <v>200</v>
      </c>
      <c r="D166" s="49"/>
      <c r="E166" s="126"/>
    </row>
    <row r="167" spans="2:5" s="2" customFormat="1" ht="132.75" customHeight="1" x14ac:dyDescent="0.25">
      <c r="B167" s="121" t="s">
        <v>120</v>
      </c>
      <c r="C167" s="113" t="s">
        <v>201</v>
      </c>
      <c r="D167" s="49"/>
      <c r="E167" s="125"/>
    </row>
    <row r="168" spans="2:5" s="2" customFormat="1" ht="105" customHeight="1" x14ac:dyDescent="0.25">
      <c r="B168" s="48" t="s">
        <v>49</v>
      </c>
      <c r="C168" s="26" t="s">
        <v>202</v>
      </c>
      <c r="D168" s="49"/>
      <c r="E168" s="64"/>
    </row>
    <row r="169" spans="2:5" s="2" customFormat="1" ht="48.75" customHeight="1" x14ac:dyDescent="0.25">
      <c r="B169" s="48" t="s">
        <v>50</v>
      </c>
      <c r="C169" s="26" t="s">
        <v>203</v>
      </c>
      <c r="D169" s="49"/>
      <c r="E169" s="64"/>
    </row>
    <row r="170" spans="2:5" s="2" customFormat="1" ht="51" x14ac:dyDescent="0.25">
      <c r="B170" s="48" t="s">
        <v>51</v>
      </c>
      <c r="C170" s="26" t="s">
        <v>204</v>
      </c>
      <c r="D170" s="49"/>
      <c r="E170" s="64"/>
    </row>
    <row r="171" spans="2:5" s="2" customFormat="1" ht="71.25" customHeight="1" x14ac:dyDescent="0.25">
      <c r="B171" s="48" t="s">
        <v>52</v>
      </c>
      <c r="C171" s="114" t="s">
        <v>205</v>
      </c>
      <c r="D171" s="49"/>
      <c r="E171" s="64"/>
    </row>
    <row r="172" spans="2:5" s="2" customFormat="1" ht="83.25" customHeight="1" x14ac:dyDescent="0.25">
      <c r="B172" s="48" t="s">
        <v>53</v>
      </c>
      <c r="C172" s="115" t="s">
        <v>206</v>
      </c>
      <c r="D172" s="49"/>
      <c r="E172" s="64"/>
    </row>
    <row r="173" spans="2:5" s="2" customFormat="1" ht="39.75" customHeight="1" x14ac:dyDescent="0.25">
      <c r="B173" s="177" t="s">
        <v>54</v>
      </c>
      <c r="C173" s="109" t="s">
        <v>207</v>
      </c>
      <c r="D173" s="49"/>
      <c r="E173" s="124"/>
    </row>
    <row r="174" spans="2:5" s="2" customFormat="1" ht="30.75" customHeight="1" x14ac:dyDescent="0.25">
      <c r="B174" s="178"/>
      <c r="C174" s="112" t="s">
        <v>208</v>
      </c>
      <c r="D174" s="49"/>
      <c r="E174" s="126"/>
    </row>
    <row r="175" spans="2:5" s="2" customFormat="1" ht="66.75" customHeight="1" x14ac:dyDescent="0.25">
      <c r="B175" s="178"/>
      <c r="C175" s="116" t="s">
        <v>209</v>
      </c>
      <c r="D175" s="49"/>
      <c r="E175" s="98"/>
    </row>
    <row r="176" spans="2:5" s="2" customFormat="1" ht="27.75" customHeight="1" x14ac:dyDescent="0.25">
      <c r="B176" s="178"/>
      <c r="C176" s="111" t="s">
        <v>210</v>
      </c>
      <c r="D176" s="49"/>
      <c r="E176" s="127"/>
    </row>
    <row r="177" spans="2:5" s="2" customFormat="1" ht="32.25" customHeight="1" x14ac:dyDescent="0.25">
      <c r="B177" s="178"/>
      <c r="C177" s="112" t="s">
        <v>211</v>
      </c>
      <c r="D177" s="49"/>
      <c r="E177" s="127"/>
    </row>
    <row r="178" spans="2:5" s="2" customFormat="1" ht="65.25" customHeight="1" x14ac:dyDescent="0.25">
      <c r="B178" s="178"/>
      <c r="C178" s="112" t="s">
        <v>212</v>
      </c>
      <c r="D178" s="49"/>
      <c r="E178" s="126"/>
    </row>
    <row r="179" spans="2:5" s="2" customFormat="1" ht="61.5" customHeight="1" x14ac:dyDescent="0.25">
      <c r="B179" s="179"/>
      <c r="C179" s="113" t="s">
        <v>213</v>
      </c>
      <c r="D179" s="49"/>
      <c r="E179" s="125"/>
    </row>
    <row r="180" spans="2:5" s="2" customFormat="1" ht="118.5" customHeight="1" x14ac:dyDescent="0.25">
      <c r="B180" s="48" t="s">
        <v>55</v>
      </c>
      <c r="C180" s="99" t="s">
        <v>214</v>
      </c>
      <c r="D180" s="49"/>
      <c r="E180" s="64"/>
    </row>
    <row r="181" spans="2:5" s="2" customFormat="1" ht="258" customHeight="1" x14ac:dyDescent="0.25">
      <c r="B181" s="48" t="s">
        <v>56</v>
      </c>
      <c r="C181" s="26" t="s">
        <v>215</v>
      </c>
      <c r="D181" s="49"/>
      <c r="E181" s="64"/>
    </row>
    <row r="182" spans="2:5" s="2" customFormat="1" ht="141" customHeight="1" x14ac:dyDescent="0.25">
      <c r="B182" s="48" t="s">
        <v>57</v>
      </c>
      <c r="C182" s="115" t="s">
        <v>216</v>
      </c>
      <c r="D182" s="49"/>
      <c r="E182" s="64"/>
    </row>
    <row r="183" spans="2:5" s="2" customFormat="1" ht="132.75" customHeight="1" x14ac:dyDescent="0.25">
      <c r="B183" s="117" t="s">
        <v>63</v>
      </c>
      <c r="C183" s="26" t="s">
        <v>217</v>
      </c>
      <c r="D183" s="49"/>
      <c r="E183" s="64"/>
    </row>
    <row r="184" spans="2:5" s="2" customFormat="1" ht="108.75" customHeight="1" x14ac:dyDescent="0.25">
      <c r="B184" s="48" t="s">
        <v>58</v>
      </c>
      <c r="C184" s="26" t="s">
        <v>218</v>
      </c>
      <c r="D184" s="49"/>
      <c r="E184" s="64"/>
    </row>
    <row r="185" spans="2:5" s="2" customFormat="1" ht="47.25" customHeight="1" x14ac:dyDescent="0.25">
      <c r="B185" s="48" t="s">
        <v>59</v>
      </c>
      <c r="C185" s="26" t="s">
        <v>219</v>
      </c>
      <c r="D185" s="49"/>
      <c r="E185" s="64"/>
    </row>
    <row r="186" spans="2:5" s="2" customFormat="1" ht="61.5" customHeight="1" x14ac:dyDescent="0.25">
      <c r="B186" s="118" t="s">
        <v>60</v>
      </c>
      <c r="C186" s="99" t="s">
        <v>220</v>
      </c>
      <c r="D186" s="49"/>
      <c r="E186" s="64"/>
    </row>
    <row r="187" spans="2:5" s="2" customFormat="1" ht="78.75" customHeight="1" x14ac:dyDescent="0.25">
      <c r="B187" s="118" t="s">
        <v>61</v>
      </c>
      <c r="C187" s="26" t="s">
        <v>221</v>
      </c>
      <c r="D187" s="49"/>
      <c r="E187" s="64"/>
    </row>
    <row r="188" spans="2:5" s="2" customFormat="1" ht="219.75" customHeight="1" x14ac:dyDescent="0.25">
      <c r="B188" s="118" t="s">
        <v>62</v>
      </c>
      <c r="C188" s="119" t="s">
        <v>222</v>
      </c>
      <c r="D188" s="49"/>
      <c r="E188" s="64"/>
    </row>
    <row r="189" spans="2:5" s="2" customFormat="1" ht="95.25" customHeight="1" x14ac:dyDescent="0.25">
      <c r="B189" s="118" t="s">
        <v>64</v>
      </c>
      <c r="C189" s="26" t="s">
        <v>223</v>
      </c>
      <c r="D189" s="49"/>
      <c r="E189" s="64"/>
    </row>
    <row r="190" spans="2:5" s="2" customFormat="1" ht="127.5" customHeight="1" x14ac:dyDescent="0.25">
      <c r="B190" s="118" t="s">
        <v>65</v>
      </c>
      <c r="C190" s="26" t="s">
        <v>224</v>
      </c>
      <c r="D190" s="49"/>
      <c r="E190" s="64"/>
    </row>
    <row r="191" spans="2:5" s="2" customFormat="1" ht="113.25" customHeight="1" x14ac:dyDescent="0.25">
      <c r="B191" s="118" t="s">
        <v>66</v>
      </c>
      <c r="C191" s="26" t="s">
        <v>225</v>
      </c>
      <c r="D191" s="49"/>
      <c r="E191" s="64"/>
    </row>
    <row r="192" spans="2:5" s="2" customFormat="1" ht="52.5" customHeight="1" thickBot="1" x14ac:dyDescent="0.3">
      <c r="B192" s="120" t="s">
        <v>67</v>
      </c>
      <c r="C192" s="44" t="s">
        <v>226</v>
      </c>
      <c r="D192" s="50"/>
      <c r="E192" s="65"/>
    </row>
    <row r="193" spans="2:6" s="28" customFormat="1" ht="7.5" customHeight="1" x14ac:dyDescent="0.25">
      <c r="B193" s="25"/>
      <c r="C193" s="171"/>
      <c r="D193" s="171"/>
      <c r="E193" s="171"/>
      <c r="F193" s="2"/>
    </row>
    <row r="194" spans="2:6" s="28" customFormat="1" ht="19.5" customHeight="1" x14ac:dyDescent="0.25">
      <c r="B194" s="132" t="s">
        <v>234</v>
      </c>
      <c r="C194" s="132"/>
      <c r="D194" s="132"/>
      <c r="E194" s="132"/>
      <c r="F194" s="132"/>
    </row>
    <row r="195" spans="2:6" s="28" customFormat="1" ht="7.5" customHeight="1" thickBot="1" x14ac:dyDescent="0.3">
      <c r="B195" s="2"/>
      <c r="C195" s="2"/>
      <c r="D195" s="2"/>
      <c r="E195" s="2"/>
      <c r="F195" s="2"/>
    </row>
    <row r="196" spans="2:6" s="28" customFormat="1" ht="30" customHeight="1" x14ac:dyDescent="0.25">
      <c r="B196" s="133" t="s">
        <v>240</v>
      </c>
      <c r="C196" s="134"/>
      <c r="D196" s="130" t="s">
        <v>235</v>
      </c>
      <c r="E196" s="131"/>
      <c r="F196" s="2"/>
    </row>
    <row r="197" spans="2:6" s="28" customFormat="1" ht="30" customHeight="1" thickBot="1" x14ac:dyDescent="0.3">
      <c r="B197" s="135"/>
      <c r="C197" s="136"/>
      <c r="D197" s="23" t="s">
        <v>6</v>
      </c>
      <c r="E197" s="66" t="s">
        <v>24</v>
      </c>
      <c r="F197" s="2"/>
    </row>
    <row r="198" spans="2:6" s="28" customFormat="1" ht="30" customHeight="1" x14ac:dyDescent="0.25">
      <c r="B198" s="95" t="s">
        <v>11</v>
      </c>
      <c r="C198" s="189" t="s">
        <v>236</v>
      </c>
      <c r="D198" s="190"/>
      <c r="E198" s="191"/>
      <c r="F198" s="2"/>
    </row>
    <row r="199" spans="2:6" s="28" customFormat="1" ht="64.5" customHeight="1" x14ac:dyDescent="0.25">
      <c r="B199" s="128" t="s">
        <v>47</v>
      </c>
      <c r="C199" s="98" t="s">
        <v>237</v>
      </c>
      <c r="D199" s="192"/>
      <c r="E199" s="193"/>
      <c r="F199" s="2"/>
    </row>
    <row r="200" spans="2:6" s="28" customFormat="1" ht="44.25" customHeight="1" x14ac:dyDescent="0.25">
      <c r="B200" s="48" t="s">
        <v>48</v>
      </c>
      <c r="C200" s="194" t="s">
        <v>238</v>
      </c>
      <c r="D200" s="192"/>
      <c r="E200" s="195"/>
      <c r="F200" s="2"/>
    </row>
    <row r="201" spans="2:6" s="28" customFormat="1" ht="97.5" customHeight="1" thickBot="1" x14ac:dyDescent="0.3">
      <c r="B201" s="196" t="s">
        <v>49</v>
      </c>
      <c r="C201" s="199" t="s">
        <v>241</v>
      </c>
      <c r="D201" s="197"/>
      <c r="E201" s="198"/>
      <c r="F201" s="2"/>
    </row>
    <row r="202" spans="2:6" s="28" customFormat="1" ht="9" customHeight="1" x14ac:dyDescent="0.25">
      <c r="B202" s="5"/>
      <c r="C202" s="5"/>
      <c r="D202" s="7"/>
      <c r="E202" s="7"/>
      <c r="F202" s="2"/>
    </row>
    <row r="203" spans="2:6" s="28" customFormat="1" ht="19.5" customHeight="1" x14ac:dyDescent="0.25">
      <c r="B203" s="132" t="s">
        <v>239</v>
      </c>
      <c r="C203" s="132"/>
      <c r="D203" s="132"/>
      <c r="E203" s="132"/>
      <c r="F203" s="132"/>
    </row>
    <row r="204" spans="2:6" s="28" customFormat="1" ht="30" customHeight="1" x14ac:dyDescent="0.25">
      <c r="B204" s="25" t="s">
        <v>12</v>
      </c>
      <c r="C204" s="171" t="s">
        <v>227</v>
      </c>
      <c r="D204" s="171"/>
      <c r="E204" s="171"/>
      <c r="F204" s="2"/>
    </row>
    <row r="205" spans="2:6" s="28" customFormat="1" ht="30" customHeight="1" x14ac:dyDescent="0.25">
      <c r="B205" s="25" t="s">
        <v>25</v>
      </c>
      <c r="C205" s="171" t="s">
        <v>26</v>
      </c>
      <c r="D205" s="171"/>
      <c r="E205" s="171"/>
      <c r="F205" s="2"/>
    </row>
    <row r="206" spans="2:6" s="28" customFormat="1" ht="30" customHeight="1" x14ac:dyDescent="0.25">
      <c r="B206" s="172" t="s">
        <v>27</v>
      </c>
      <c r="C206" s="172"/>
      <c r="D206" s="172"/>
      <c r="E206" s="172"/>
      <c r="F206" s="2"/>
    </row>
    <row r="207" spans="2:6" s="2" customFormat="1" ht="24.95" customHeight="1" x14ac:dyDescent="0.2">
      <c r="B207" s="27" t="s">
        <v>28</v>
      </c>
      <c r="C207" s="174"/>
      <c r="D207" s="174"/>
    </row>
    <row r="208" spans="2:6" s="2" customFormat="1" ht="24.95" customHeight="1" x14ac:dyDescent="0.2">
      <c r="B208" s="27" t="s">
        <v>29</v>
      </c>
      <c r="C208" s="175"/>
      <c r="D208" s="175"/>
    </row>
    <row r="209" spans="2:6" s="2" customFormat="1" ht="24.95" customHeight="1" x14ac:dyDescent="0.25">
      <c r="B209" s="27" t="s">
        <v>30</v>
      </c>
      <c r="C209" s="176"/>
      <c r="D209" s="176"/>
    </row>
    <row r="210" spans="2:6" s="3" customFormat="1" ht="24.95" customHeight="1" x14ac:dyDescent="0.25">
      <c r="B210" s="27" t="s">
        <v>31</v>
      </c>
      <c r="C210" s="176"/>
      <c r="D210" s="176"/>
      <c r="E210" s="2"/>
      <c r="F210" s="2"/>
    </row>
    <row r="211" spans="2:6" s="2" customFormat="1" ht="14.25" customHeight="1" x14ac:dyDescent="0.2">
      <c r="B211" s="11"/>
      <c r="C211" s="12"/>
      <c r="D211" s="12"/>
    </row>
    <row r="212" spans="2:6" s="3" customFormat="1" ht="15" customHeight="1" x14ac:dyDescent="0.25">
      <c r="B212" s="173" t="s">
        <v>32</v>
      </c>
      <c r="C212" s="173"/>
      <c r="D212" s="173"/>
      <c r="E212" s="173"/>
    </row>
    <row r="213" spans="2:6" s="2" customFormat="1" ht="36.75" customHeight="1" x14ac:dyDescent="0.25">
      <c r="B213" s="170" t="s">
        <v>43</v>
      </c>
      <c r="C213" s="170"/>
      <c r="D213" s="170"/>
      <c r="E213" s="170"/>
    </row>
    <row r="214" spans="2:6" s="2" customFormat="1" ht="20.100000000000001" customHeight="1" x14ac:dyDescent="0.2">
      <c r="B214" s="1"/>
      <c r="C214" s="1"/>
      <c r="D214" s="8"/>
      <c r="E214" s="8"/>
    </row>
    <row r="215" spans="2:6" s="3" customFormat="1" ht="4.5" customHeight="1" x14ac:dyDescent="0.2">
      <c r="B215" s="1"/>
      <c r="C215" s="1"/>
      <c r="D215" s="8"/>
      <c r="E215" s="8"/>
    </row>
    <row r="216" spans="2:6" s="3" customFormat="1" ht="20.100000000000001" customHeight="1" x14ac:dyDescent="0.25">
      <c r="B216" s="29" t="s">
        <v>33</v>
      </c>
      <c r="C216" s="30"/>
      <c r="D216" s="31" t="s">
        <v>34</v>
      </c>
      <c r="E216" s="61"/>
    </row>
    <row r="217" spans="2:6" s="3" customFormat="1" ht="20.100000000000001" customHeight="1" x14ac:dyDescent="0.25">
      <c r="B217" s="32"/>
      <c r="C217" s="32"/>
      <c r="D217" s="32"/>
      <c r="E217" s="33"/>
    </row>
    <row r="218" spans="2:6" ht="20.100000000000001" customHeight="1" x14ac:dyDescent="0.2">
      <c r="B218" s="29" t="s">
        <v>35</v>
      </c>
      <c r="C218" s="30"/>
      <c r="D218" s="34" t="s">
        <v>36</v>
      </c>
      <c r="E218" s="62"/>
    </row>
    <row r="219" spans="2:6" s="2" customFormat="1" ht="20.100000000000001" customHeight="1" x14ac:dyDescent="0.2">
      <c r="B219" s="1"/>
      <c r="C219" s="1"/>
      <c r="D219" s="34" t="s">
        <v>37</v>
      </c>
      <c r="E219" s="63"/>
    </row>
    <row r="220" spans="2:6" s="2" customFormat="1" ht="20.100000000000001" customHeight="1" x14ac:dyDescent="0.2">
      <c r="B220" s="1"/>
      <c r="C220" s="1"/>
      <c r="D220" s="35" t="s">
        <v>38</v>
      </c>
      <c r="E220" s="1"/>
    </row>
    <row r="221" spans="2:6" s="2" customFormat="1" ht="37.5" customHeight="1" x14ac:dyDescent="0.25"/>
    <row r="222" spans="2:6" s="2" customFormat="1" ht="24" customHeight="1" x14ac:dyDescent="0.25"/>
    <row r="223" spans="2:6" s="2" customFormat="1" ht="24" customHeight="1" x14ac:dyDescent="0.25"/>
    <row r="224" spans="2:6" s="2" customFormat="1" ht="24" customHeight="1" x14ac:dyDescent="0.25"/>
    <row r="225" spans="2:5" s="2" customFormat="1" ht="20.100000000000001" customHeight="1" x14ac:dyDescent="0.25"/>
    <row r="226" spans="2:5" s="2" customFormat="1" ht="20.100000000000001" customHeight="1" x14ac:dyDescent="0.25"/>
    <row r="227" spans="2:5" s="2" customFormat="1" ht="50.1" customHeight="1" x14ac:dyDescent="0.25"/>
    <row r="228" spans="2:5" s="2" customFormat="1" ht="43.5" customHeight="1" x14ac:dyDescent="0.25"/>
    <row r="229" spans="2:5" ht="24.75" customHeight="1" x14ac:dyDescent="0.2">
      <c r="B229" s="2"/>
      <c r="C229" s="2"/>
      <c r="D229" s="2"/>
      <c r="E229" s="2"/>
    </row>
    <row r="230" spans="2:5" x14ac:dyDescent="0.2">
      <c r="B230" s="2"/>
      <c r="C230" s="2"/>
      <c r="D230" s="2"/>
      <c r="E230" s="2"/>
    </row>
    <row r="231" spans="2:5" ht="20.100000000000001" customHeight="1" x14ac:dyDescent="0.2"/>
    <row r="232" spans="2:5" ht="4.5" customHeight="1" x14ac:dyDescent="0.2"/>
    <row r="233" spans="2:5" ht="20.100000000000001" customHeight="1" x14ac:dyDescent="0.2"/>
    <row r="234" spans="2:5" ht="20.100000000000001" customHeight="1" x14ac:dyDescent="0.2"/>
    <row r="235" spans="2:5" ht="20.100000000000001" customHeight="1" x14ac:dyDescent="0.2"/>
  </sheetData>
  <mergeCells count="59">
    <mergeCell ref="B173:B179"/>
    <mergeCell ref="C205:E205"/>
    <mergeCell ref="B7:F7"/>
    <mergeCell ref="B1:F1"/>
    <mergeCell ref="B2:F2"/>
    <mergeCell ref="B3:F3"/>
    <mergeCell ref="B13:D13"/>
    <mergeCell ref="B8:E8"/>
    <mergeCell ref="B9:E9"/>
    <mergeCell ref="B11:E11"/>
    <mergeCell ref="B12:D12"/>
    <mergeCell ref="C28:D28"/>
    <mergeCell ref="C29:D29"/>
    <mergeCell ref="C31:D31"/>
    <mergeCell ref="B21:F21"/>
    <mergeCell ref="B18:F18"/>
    <mergeCell ref="B213:E213"/>
    <mergeCell ref="C193:E193"/>
    <mergeCell ref="B206:E206"/>
    <mergeCell ref="B212:E212"/>
    <mergeCell ref="C207:D207"/>
    <mergeCell ref="C208:D208"/>
    <mergeCell ref="C209:D209"/>
    <mergeCell ref="C210:D210"/>
    <mergeCell ref="C204:E204"/>
    <mergeCell ref="B196:C197"/>
    <mergeCell ref="D196:E196"/>
    <mergeCell ref="B203:F203"/>
    <mergeCell ref="B194:F194"/>
    <mergeCell ref="B16:D16"/>
    <mergeCell ref="B17:D17"/>
    <mergeCell ref="B19:E19"/>
    <mergeCell ref="B42:C43"/>
    <mergeCell ref="B22:E22"/>
    <mergeCell ref="C27:D27"/>
    <mergeCell ref="B36:C36"/>
    <mergeCell ref="B20:D20"/>
    <mergeCell ref="C34:D34"/>
    <mergeCell ref="B23:C23"/>
    <mergeCell ref="B26:C26"/>
    <mergeCell ref="B31:B34"/>
    <mergeCell ref="C30:D30"/>
    <mergeCell ref="C32:D32"/>
    <mergeCell ref="B28:B30"/>
    <mergeCell ref="B40:F40"/>
    <mergeCell ref="C24:D24"/>
    <mergeCell ref="D42:E42"/>
    <mergeCell ref="B158:C159"/>
    <mergeCell ref="D158:E158"/>
    <mergeCell ref="B134:C134"/>
    <mergeCell ref="B151:C151"/>
    <mergeCell ref="B153:C153"/>
    <mergeCell ref="B116:E116"/>
    <mergeCell ref="B45:C45"/>
    <mergeCell ref="B79:C79"/>
    <mergeCell ref="B113:C113"/>
    <mergeCell ref="B117:C117"/>
    <mergeCell ref="B44:E44"/>
    <mergeCell ref="B156:F156"/>
  </mergeCells>
  <conditionalFormatting sqref="D64:D65 D177:D192">
    <cfRule type="containsBlanks" dxfId="31" priority="62">
      <formula>LEN(TRIM(D64))=0</formula>
    </cfRule>
  </conditionalFormatting>
  <conditionalFormatting sqref="E218">
    <cfRule type="containsBlanks" dxfId="30" priority="61">
      <formula>LEN(TRIM(E218))=0</formula>
    </cfRule>
  </conditionalFormatting>
  <conditionalFormatting sqref="C216">
    <cfRule type="containsBlanks" dxfId="29" priority="59">
      <formula>LEN(TRIM(C216))=0</formula>
    </cfRule>
  </conditionalFormatting>
  <conditionalFormatting sqref="E219">
    <cfRule type="containsBlanks" dxfId="28" priority="60">
      <formula>LEN(TRIM(E219))=0</formula>
    </cfRule>
  </conditionalFormatting>
  <conditionalFormatting sqref="C218">
    <cfRule type="containsBlanks" dxfId="27" priority="58">
      <formula>LEN(TRIM(C218))=0</formula>
    </cfRule>
  </conditionalFormatting>
  <conditionalFormatting sqref="C4:C5">
    <cfRule type="containsBlanks" dxfId="26" priority="57">
      <formula>LEN(TRIM(C4))=0</formula>
    </cfRule>
  </conditionalFormatting>
  <conditionalFormatting sqref="D45:D46">
    <cfRule type="containsBlanks" dxfId="25" priority="56">
      <formula>LEN(TRIM(D45))=0</formula>
    </cfRule>
  </conditionalFormatting>
  <conditionalFormatting sqref="D47">
    <cfRule type="containsBlanks" dxfId="24" priority="55">
      <formula>LEN(TRIM(D47))=0</formula>
    </cfRule>
  </conditionalFormatting>
  <conditionalFormatting sqref="C209:D209">
    <cfRule type="containsBlanks" dxfId="23" priority="47">
      <formula>LEN(TRIM(C209))=0</formula>
    </cfRule>
  </conditionalFormatting>
  <conditionalFormatting sqref="D48">
    <cfRule type="containsBlanks" dxfId="22" priority="33">
      <formula>LEN(TRIM(D48))=0</formula>
    </cfRule>
  </conditionalFormatting>
  <conditionalFormatting sqref="D61">
    <cfRule type="containsBlanks" dxfId="21" priority="32">
      <formula>LEN(TRIM(D61))=0</formula>
    </cfRule>
  </conditionalFormatting>
  <conditionalFormatting sqref="D62">
    <cfRule type="containsBlanks" dxfId="20" priority="31">
      <formula>LEN(TRIM(D62))=0</formula>
    </cfRule>
  </conditionalFormatting>
  <conditionalFormatting sqref="D63">
    <cfRule type="containsBlanks" dxfId="19" priority="30">
      <formula>LEN(TRIM(D63))=0</formula>
    </cfRule>
  </conditionalFormatting>
  <conditionalFormatting sqref="D49">
    <cfRule type="containsBlanks" dxfId="18" priority="29">
      <formula>LEN(TRIM(D49))=0</formula>
    </cfRule>
  </conditionalFormatting>
  <conditionalFormatting sqref="D66">
    <cfRule type="containsBlanks" dxfId="17" priority="27">
      <formula>LEN(TRIM(D66))=0</formula>
    </cfRule>
  </conditionalFormatting>
  <conditionalFormatting sqref="D67">
    <cfRule type="containsBlanks" dxfId="16" priority="25">
      <formula>LEN(TRIM(D67))=0</formula>
    </cfRule>
  </conditionalFormatting>
  <conditionalFormatting sqref="D68 D72:D74 D80:D113 D117:D154 D115">
    <cfRule type="containsBlanks" dxfId="15" priority="24">
      <formula>LEN(TRIM(D68))=0</formula>
    </cfRule>
  </conditionalFormatting>
  <conditionalFormatting sqref="D69">
    <cfRule type="containsBlanks" dxfId="14" priority="22">
      <formula>LEN(TRIM(D69))=0</formula>
    </cfRule>
  </conditionalFormatting>
  <conditionalFormatting sqref="D71">
    <cfRule type="containsBlanks" dxfId="13" priority="21">
      <formula>LEN(TRIM(D71))=0</formula>
    </cfRule>
  </conditionalFormatting>
  <conditionalFormatting sqref="D78:D79">
    <cfRule type="containsBlanks" dxfId="12" priority="19">
      <formula>LEN(TRIM(D78))=0</formula>
    </cfRule>
  </conditionalFormatting>
  <conditionalFormatting sqref="D160:D168">
    <cfRule type="containsBlanks" dxfId="11" priority="15">
      <formula>LEN(TRIM(D160))=0</formula>
    </cfRule>
  </conditionalFormatting>
  <conditionalFormatting sqref="D169:D172">
    <cfRule type="containsBlanks" dxfId="10" priority="14">
      <formula>LEN(TRIM(D169))=0</formula>
    </cfRule>
  </conditionalFormatting>
  <conditionalFormatting sqref="D173:D176">
    <cfRule type="containsBlanks" dxfId="9" priority="13">
      <formula>LEN(TRIM(D173))=0</formula>
    </cfRule>
  </conditionalFormatting>
  <conditionalFormatting sqref="D50:D60">
    <cfRule type="containsBlanks" dxfId="8" priority="11">
      <formula>LEN(TRIM(D50))=0</formula>
    </cfRule>
  </conditionalFormatting>
  <conditionalFormatting sqref="D76:D77">
    <cfRule type="containsBlanks" dxfId="7" priority="4">
      <formula>LEN(TRIM(D76))=0</formula>
    </cfRule>
  </conditionalFormatting>
  <conditionalFormatting sqref="D70">
    <cfRule type="containsBlanks" dxfId="6" priority="8">
      <formula>LEN(TRIM(D70))=0</formula>
    </cfRule>
  </conditionalFormatting>
  <conditionalFormatting sqref="D75">
    <cfRule type="containsBlanks" dxfId="5" priority="7">
      <formula>LEN(TRIM(D75))=0</formula>
    </cfRule>
  </conditionalFormatting>
  <conditionalFormatting sqref="D114">
    <cfRule type="containsBlanks" dxfId="4" priority="3">
      <formula>LEN(TRIM(D114))=0</formula>
    </cfRule>
  </conditionalFormatting>
  <conditionalFormatting sqref="D198:D200">
    <cfRule type="containsBlanks" dxfId="1" priority="2">
      <formula>LEN(TRIM(D198))=0</formula>
    </cfRule>
  </conditionalFormatting>
  <conditionalFormatting sqref="D201">
    <cfRule type="containsBlanks" dxfId="0" priority="1">
      <formula>LEN(TRIM(D201))=0</formula>
    </cfRule>
  </conditionalFormatting>
  <printOptions horizontalCentered="1"/>
  <pageMargins left="0.70866141732283472" right="0.70866141732283472" top="0.90625" bottom="0.74803149606299213" header="0.31496062992125984" footer="0.31496062992125984"/>
  <pageSetup paperSize="9" scale="5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6</xdr:row>
                    <xdr:rowOff>9525</xdr:rowOff>
                  </from>
                  <to>
                    <xdr:col>1</xdr:col>
                    <xdr:colOff>885825</xdr:colOff>
                    <xdr:row>36</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7</xdr:row>
                    <xdr:rowOff>0</xdr:rowOff>
                  </from>
                  <to>
                    <xdr:col>1</xdr:col>
                    <xdr:colOff>885825</xdr:colOff>
                    <xdr:row>37</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Dana Kapáková</cp:lastModifiedBy>
  <cp:lastPrinted>2022-11-03T13:47:00Z</cp:lastPrinted>
  <dcterms:created xsi:type="dcterms:W3CDTF">2017-04-21T05:51:15Z</dcterms:created>
  <dcterms:modified xsi:type="dcterms:W3CDTF">2022-11-03T13:47:11Z</dcterms:modified>
</cp:coreProperties>
</file>